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14" r:id="rId2"/>
  </p:sldMasterIdLst>
  <p:notesMasterIdLst>
    <p:notesMasterId r:id="rId31"/>
  </p:notesMasterIdLst>
  <p:sldIdLst>
    <p:sldId id="256" r:id="rId3"/>
    <p:sldId id="330" r:id="rId4"/>
    <p:sldId id="290" r:id="rId5"/>
    <p:sldId id="319" r:id="rId6"/>
    <p:sldId id="320" r:id="rId7"/>
    <p:sldId id="331" r:id="rId8"/>
    <p:sldId id="321" r:id="rId9"/>
    <p:sldId id="323" r:id="rId10"/>
    <p:sldId id="324" r:id="rId11"/>
    <p:sldId id="325" r:id="rId12"/>
    <p:sldId id="326" r:id="rId13"/>
    <p:sldId id="327" r:id="rId14"/>
    <p:sldId id="328" r:id="rId15"/>
    <p:sldId id="329" r:id="rId16"/>
    <p:sldId id="301" r:id="rId17"/>
    <p:sldId id="335" r:id="rId18"/>
    <p:sldId id="305" r:id="rId19"/>
    <p:sldId id="303" r:id="rId20"/>
    <p:sldId id="304" r:id="rId21"/>
    <p:sldId id="307" r:id="rId22"/>
    <p:sldId id="308" r:id="rId23"/>
    <p:sldId id="306" r:id="rId24"/>
    <p:sldId id="334" r:id="rId25"/>
    <p:sldId id="333" r:id="rId26"/>
    <p:sldId id="309" r:id="rId27"/>
    <p:sldId id="312" r:id="rId28"/>
    <p:sldId id="313" r:id="rId29"/>
    <p:sldId id="284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5050"/>
    <a:srgbClr val="00CC66"/>
    <a:srgbClr val="0099FF"/>
    <a:srgbClr val="99FF33"/>
    <a:srgbClr val="66FF33"/>
    <a:srgbClr val="91F616"/>
    <a:srgbClr val="F06A6A"/>
    <a:srgbClr val="333F5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13" autoAdjust="0"/>
    <p:restoredTop sz="90653" autoAdjust="0"/>
  </p:normalViewPr>
  <p:slideViewPr>
    <p:cSldViewPr snapToGrid="0">
      <p:cViewPr varScale="1">
        <p:scale>
          <a:sx n="78" d="100"/>
          <a:sy n="78" d="100"/>
        </p:scale>
        <p:origin x="828" y="9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ableStyles" Target="tableStyles.xml"/><Relationship Id="rId8" Type="http://schemas.openxmlformats.org/officeDocument/2006/relationships/slide" Target="slides/slide6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6_1">
  <dgm:title val=""/>
  <dgm:desc val=""/>
  <dgm:catLst>
    <dgm:cat type="accent6" pri="11100"/>
  </dgm:catLst>
  <dgm:styleLbl name="node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6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6">
        <a:alpha val="4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6_1">
  <dgm:title val=""/>
  <dgm:desc val=""/>
  <dgm:catLst>
    <dgm:cat type="accent6" pri="11100"/>
  </dgm:catLst>
  <dgm:styleLbl name="node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accent6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40000"/>
      </a:schemeClr>
    </dgm:fillClrLst>
    <dgm:linClrLst meth="repeat">
      <a:schemeClr val="accent6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accent6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accent6">
        <a:alpha val="4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accent6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accent6">
        <a:alpha val="90000"/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1DF302-47C1-445D-968A-EC1965E64AEB}" type="doc">
      <dgm:prSet loTypeId="urn:microsoft.com/office/officeart/2011/layout/CircleProcess" loCatId="process" qsTypeId="urn:microsoft.com/office/officeart/2005/8/quickstyle/simple1" qsCatId="simple" csTypeId="urn:microsoft.com/office/officeart/2005/8/colors/accent6_1" csCatId="accent6" phldr="1"/>
      <dgm:spPr/>
      <dgm:t>
        <a:bodyPr/>
        <a:lstStyle/>
        <a:p>
          <a:endParaRPr lang="en-US"/>
        </a:p>
      </dgm:t>
    </dgm:pt>
    <dgm:pt modelId="{D08D0734-2670-49F7-8B71-886E5BBEAFC9}">
      <dgm:prSet phldrT="[Text]"/>
      <dgm:spPr/>
      <dgm:t>
        <a:bodyPr/>
        <a:lstStyle/>
        <a:p>
          <a:r>
            <a:rPr lang="en-US" dirty="0"/>
            <a:t>Preprocessing</a:t>
          </a:r>
        </a:p>
      </dgm:t>
    </dgm:pt>
    <dgm:pt modelId="{E2168904-1D02-49E8-BBE4-791C01B62897}" type="parTrans" cxnId="{B281CCDF-B566-4B06-A5A9-F8210D22B900}">
      <dgm:prSet/>
      <dgm:spPr/>
      <dgm:t>
        <a:bodyPr/>
        <a:lstStyle/>
        <a:p>
          <a:endParaRPr lang="en-US"/>
        </a:p>
      </dgm:t>
    </dgm:pt>
    <dgm:pt modelId="{2B39229D-361E-4E41-85FA-5B3304EDE842}" type="sibTrans" cxnId="{B281CCDF-B566-4B06-A5A9-F8210D22B900}">
      <dgm:prSet/>
      <dgm:spPr/>
      <dgm:t>
        <a:bodyPr/>
        <a:lstStyle/>
        <a:p>
          <a:endParaRPr lang="en-US"/>
        </a:p>
      </dgm:t>
    </dgm:pt>
    <dgm:pt modelId="{13A45295-5BC2-465E-9438-3A976E8576CD}">
      <dgm:prSet phldrT="[Text]"/>
      <dgm:spPr/>
      <dgm:t>
        <a:bodyPr/>
        <a:lstStyle/>
        <a:p>
          <a:r>
            <a:rPr lang="en-US" dirty="0"/>
            <a:t>Clustering</a:t>
          </a:r>
        </a:p>
      </dgm:t>
    </dgm:pt>
    <dgm:pt modelId="{C79D4946-5F69-4B57-8305-F3D3CB2BE93C}" type="parTrans" cxnId="{9A6E3498-D94E-4AEB-A336-C610A8AE9379}">
      <dgm:prSet/>
      <dgm:spPr/>
      <dgm:t>
        <a:bodyPr/>
        <a:lstStyle/>
        <a:p>
          <a:endParaRPr lang="en-US"/>
        </a:p>
      </dgm:t>
    </dgm:pt>
    <dgm:pt modelId="{C1A725A6-CB62-4934-BB56-D0A8091644E8}" type="sibTrans" cxnId="{9A6E3498-D94E-4AEB-A336-C610A8AE9379}">
      <dgm:prSet/>
      <dgm:spPr/>
      <dgm:t>
        <a:bodyPr/>
        <a:lstStyle/>
        <a:p>
          <a:endParaRPr lang="en-US"/>
        </a:p>
      </dgm:t>
    </dgm:pt>
    <dgm:pt modelId="{0D425390-9DFE-446B-873E-866DCB128EBE}">
      <dgm:prSet phldrT="[Text]"/>
      <dgm:spPr/>
      <dgm:t>
        <a:bodyPr/>
        <a:lstStyle/>
        <a:p>
          <a:r>
            <a:rPr lang="en-US" dirty="0"/>
            <a:t>Discussion</a:t>
          </a:r>
        </a:p>
      </dgm:t>
    </dgm:pt>
    <dgm:pt modelId="{886B353C-E320-46B8-8A8C-1086C94A5BBB}" type="parTrans" cxnId="{6008DF28-F996-469A-A769-349DBE0D5BA6}">
      <dgm:prSet/>
      <dgm:spPr/>
      <dgm:t>
        <a:bodyPr/>
        <a:lstStyle/>
        <a:p>
          <a:endParaRPr lang="en-US"/>
        </a:p>
      </dgm:t>
    </dgm:pt>
    <dgm:pt modelId="{88942B8B-A7B8-4193-B275-2A61993BE420}" type="sibTrans" cxnId="{6008DF28-F996-469A-A769-349DBE0D5BA6}">
      <dgm:prSet/>
      <dgm:spPr/>
      <dgm:t>
        <a:bodyPr/>
        <a:lstStyle/>
        <a:p>
          <a:endParaRPr lang="en-US"/>
        </a:p>
      </dgm:t>
    </dgm:pt>
    <dgm:pt modelId="{1851933F-03B9-43A1-B9FF-43BC229591C3}">
      <dgm:prSet phldrT="[Text]"/>
      <dgm:spPr/>
      <dgm:t>
        <a:bodyPr/>
        <a:lstStyle/>
        <a:p>
          <a:r>
            <a:rPr lang="en-US" dirty="0"/>
            <a:t>RIGHT method</a:t>
          </a:r>
        </a:p>
      </dgm:t>
    </dgm:pt>
    <dgm:pt modelId="{565B5973-4737-4FB2-95F1-B0C0C82AC727}" type="parTrans" cxnId="{381AFE9F-4F79-4237-AD77-2486433C3FF8}">
      <dgm:prSet/>
      <dgm:spPr/>
      <dgm:t>
        <a:bodyPr/>
        <a:lstStyle/>
        <a:p>
          <a:endParaRPr lang="en-US"/>
        </a:p>
      </dgm:t>
    </dgm:pt>
    <dgm:pt modelId="{4A653FCA-698A-4CD5-B7FE-5C40AC3E1071}" type="sibTrans" cxnId="{381AFE9F-4F79-4237-AD77-2486433C3FF8}">
      <dgm:prSet/>
      <dgm:spPr/>
      <dgm:t>
        <a:bodyPr/>
        <a:lstStyle/>
        <a:p>
          <a:endParaRPr lang="en-US"/>
        </a:p>
      </dgm:t>
    </dgm:pt>
    <dgm:pt modelId="{46A2AFB7-69E5-4C56-A38E-1E2B3676E3DF}">
      <dgm:prSet phldrT="[Text]"/>
      <dgm:spPr/>
      <dgm:t>
        <a:bodyPr/>
        <a:lstStyle/>
        <a:p>
          <a:r>
            <a:rPr lang="en-US" dirty="0"/>
            <a:t>Singapore mathematics pedagogy</a:t>
          </a:r>
        </a:p>
      </dgm:t>
    </dgm:pt>
    <dgm:pt modelId="{DA12EB57-AA55-4990-BCAC-7F0B12218E9B}" type="parTrans" cxnId="{4E48727B-0AD9-4538-BF13-3C1F2ECFE1C4}">
      <dgm:prSet/>
      <dgm:spPr/>
      <dgm:t>
        <a:bodyPr/>
        <a:lstStyle/>
        <a:p>
          <a:endParaRPr lang="en-US"/>
        </a:p>
      </dgm:t>
    </dgm:pt>
    <dgm:pt modelId="{3B89F443-D651-4A80-BA25-CFC6A1BED7B8}" type="sibTrans" cxnId="{4E48727B-0AD9-4538-BF13-3C1F2ECFE1C4}">
      <dgm:prSet/>
      <dgm:spPr/>
      <dgm:t>
        <a:bodyPr/>
        <a:lstStyle/>
        <a:p>
          <a:endParaRPr lang="en-US"/>
        </a:p>
      </dgm:t>
    </dgm:pt>
    <dgm:pt modelId="{5D48A3AF-F898-48DB-AA09-39320F2FD3A1}">
      <dgm:prSet phldrT="[Text]"/>
      <dgm:spPr/>
      <dgm:t>
        <a:bodyPr/>
        <a:lstStyle/>
        <a:p>
          <a:r>
            <a:rPr lang="en-US" dirty="0"/>
            <a:t>Objective</a:t>
          </a:r>
        </a:p>
      </dgm:t>
    </dgm:pt>
    <dgm:pt modelId="{62BF0AD1-DF5C-4311-8FB1-1E877A539C21}" type="parTrans" cxnId="{1E6D2FD5-5413-4BF4-87C1-D1D87DDC9514}">
      <dgm:prSet/>
      <dgm:spPr/>
      <dgm:t>
        <a:bodyPr/>
        <a:lstStyle/>
        <a:p>
          <a:endParaRPr lang="en-US"/>
        </a:p>
      </dgm:t>
    </dgm:pt>
    <dgm:pt modelId="{87FBEE01-F7AF-40B7-AFBF-F75E006B77CB}" type="sibTrans" cxnId="{1E6D2FD5-5413-4BF4-87C1-D1D87DDC9514}">
      <dgm:prSet/>
      <dgm:spPr/>
      <dgm:t>
        <a:bodyPr/>
        <a:lstStyle/>
        <a:p>
          <a:endParaRPr lang="en-US"/>
        </a:p>
      </dgm:t>
    </dgm:pt>
    <dgm:pt modelId="{71562C2E-16B0-48D7-873B-56DC24A65D00}">
      <dgm:prSet phldrT="[Text]"/>
      <dgm:spPr/>
      <dgm:t>
        <a:bodyPr/>
        <a:lstStyle/>
        <a:p>
          <a:r>
            <a:rPr lang="en-US" dirty="0"/>
            <a:t>Data collection</a:t>
          </a:r>
        </a:p>
      </dgm:t>
    </dgm:pt>
    <dgm:pt modelId="{A2520EEE-A1A1-43F6-95AB-75942823EA04}" type="parTrans" cxnId="{546914AB-7245-4DF7-84AD-51891A22A94A}">
      <dgm:prSet/>
      <dgm:spPr/>
      <dgm:t>
        <a:bodyPr/>
        <a:lstStyle/>
        <a:p>
          <a:endParaRPr lang="en-US"/>
        </a:p>
      </dgm:t>
    </dgm:pt>
    <dgm:pt modelId="{E215A14E-9EE8-4FD5-AC5C-A06C0DF3E92C}" type="sibTrans" cxnId="{546914AB-7245-4DF7-84AD-51891A22A94A}">
      <dgm:prSet/>
      <dgm:spPr/>
      <dgm:t>
        <a:bodyPr/>
        <a:lstStyle/>
        <a:p>
          <a:endParaRPr lang="en-US"/>
        </a:p>
      </dgm:t>
    </dgm:pt>
    <dgm:pt modelId="{D5A2DC74-0881-4F10-97C3-FCB2F3D9634F}">
      <dgm:prSet phldrT="[Text]"/>
      <dgm:spPr/>
      <dgm:t>
        <a:bodyPr/>
        <a:lstStyle/>
        <a:p>
          <a:r>
            <a:rPr lang="en-US" dirty="0"/>
            <a:t>Platform design</a:t>
          </a:r>
        </a:p>
      </dgm:t>
    </dgm:pt>
    <dgm:pt modelId="{243B582A-E98B-4261-A702-DD243DD9B85C}" type="parTrans" cxnId="{0AB56348-0467-4E1E-8C96-A5F5D5914A7A}">
      <dgm:prSet/>
      <dgm:spPr/>
      <dgm:t>
        <a:bodyPr/>
        <a:lstStyle/>
        <a:p>
          <a:endParaRPr lang="en-US"/>
        </a:p>
      </dgm:t>
    </dgm:pt>
    <dgm:pt modelId="{A41A1ADA-D81B-4B50-A3E3-03F5445C5773}" type="sibTrans" cxnId="{0AB56348-0467-4E1E-8C96-A5F5D5914A7A}">
      <dgm:prSet/>
      <dgm:spPr/>
      <dgm:t>
        <a:bodyPr/>
        <a:lstStyle/>
        <a:p>
          <a:endParaRPr lang="en-US"/>
        </a:p>
      </dgm:t>
    </dgm:pt>
    <dgm:pt modelId="{255C9F1C-68B6-498D-A156-47B5B612362F}" type="pres">
      <dgm:prSet presAssocID="{7D1DF302-47C1-445D-968A-EC1965E64AEB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56BC1F8D-B7DC-48EA-B8B0-74AEF32FE497}" type="pres">
      <dgm:prSet presAssocID="{0D425390-9DFE-446B-873E-866DCB128EBE}" presName="Accent8" presStyleCnt="0"/>
      <dgm:spPr/>
    </dgm:pt>
    <dgm:pt modelId="{848EB86A-D645-4952-AFE7-6FF7F3F90765}" type="pres">
      <dgm:prSet presAssocID="{0D425390-9DFE-446B-873E-866DCB128EBE}" presName="Accent" presStyleLbl="node1" presStyleIdx="0" presStyleCnt="8"/>
      <dgm:spPr/>
    </dgm:pt>
    <dgm:pt modelId="{EB7B02B5-61B2-4A54-9785-360E6C91A913}" type="pres">
      <dgm:prSet presAssocID="{0D425390-9DFE-446B-873E-866DCB128EBE}" presName="ParentBackground8" presStyleCnt="0"/>
      <dgm:spPr/>
    </dgm:pt>
    <dgm:pt modelId="{74D905EE-673B-42C0-88A0-D1D3F84C83DE}" type="pres">
      <dgm:prSet presAssocID="{0D425390-9DFE-446B-873E-866DCB128EBE}" presName="ParentBackground" presStyleLbl="fgAcc1" presStyleIdx="0" presStyleCnt="8"/>
      <dgm:spPr/>
    </dgm:pt>
    <dgm:pt modelId="{E2132ECA-67B0-44D1-9BE5-9E5A415BEC21}" type="pres">
      <dgm:prSet presAssocID="{0D425390-9DFE-446B-873E-866DCB128EBE}" presName="Parent8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3D0183FA-3D9F-441A-A638-9E6F468DC836}" type="pres">
      <dgm:prSet presAssocID="{13A45295-5BC2-465E-9438-3A976E8576CD}" presName="Accent7" presStyleCnt="0"/>
      <dgm:spPr/>
    </dgm:pt>
    <dgm:pt modelId="{B6218B0F-8DC2-41AD-95FF-B93E0E1AEC19}" type="pres">
      <dgm:prSet presAssocID="{13A45295-5BC2-465E-9438-3A976E8576CD}" presName="Accent" presStyleLbl="node1" presStyleIdx="1" presStyleCnt="8"/>
      <dgm:spPr/>
    </dgm:pt>
    <dgm:pt modelId="{89DA6B89-F831-4687-AC02-B576C21CE16C}" type="pres">
      <dgm:prSet presAssocID="{13A45295-5BC2-465E-9438-3A976E8576CD}" presName="ParentBackground7" presStyleCnt="0"/>
      <dgm:spPr/>
    </dgm:pt>
    <dgm:pt modelId="{65C1C9DA-8466-45A0-A07B-E03018529448}" type="pres">
      <dgm:prSet presAssocID="{13A45295-5BC2-465E-9438-3A976E8576CD}" presName="ParentBackground" presStyleLbl="fgAcc1" presStyleIdx="1" presStyleCnt="8"/>
      <dgm:spPr/>
    </dgm:pt>
    <dgm:pt modelId="{D28B773D-015A-4D4D-BF51-EA3A20C7DA2B}" type="pres">
      <dgm:prSet presAssocID="{13A45295-5BC2-465E-9438-3A976E8576CD}" presName="Parent7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B8C5920A-5751-4085-BD59-A4CFE03990B4}" type="pres">
      <dgm:prSet presAssocID="{D08D0734-2670-49F7-8B71-886E5BBEAFC9}" presName="Accent6" presStyleCnt="0"/>
      <dgm:spPr/>
    </dgm:pt>
    <dgm:pt modelId="{2FEAAE9B-79FE-45F6-B64B-66AF7C69F8AE}" type="pres">
      <dgm:prSet presAssocID="{D08D0734-2670-49F7-8B71-886E5BBEAFC9}" presName="Accent" presStyleLbl="node1" presStyleIdx="2" presStyleCnt="8"/>
      <dgm:spPr/>
    </dgm:pt>
    <dgm:pt modelId="{415593E2-B03C-4A28-9ADD-204D41AE4C21}" type="pres">
      <dgm:prSet presAssocID="{D08D0734-2670-49F7-8B71-886E5BBEAFC9}" presName="ParentBackground6" presStyleCnt="0"/>
      <dgm:spPr/>
    </dgm:pt>
    <dgm:pt modelId="{71B5A1B1-64E5-48F4-A0B8-F3B07178B9E7}" type="pres">
      <dgm:prSet presAssocID="{D08D0734-2670-49F7-8B71-886E5BBEAFC9}" presName="ParentBackground" presStyleLbl="fgAcc1" presStyleIdx="2" presStyleCnt="8"/>
      <dgm:spPr/>
    </dgm:pt>
    <dgm:pt modelId="{590DDE25-54D7-4454-8F6C-25D154212AAA}" type="pres">
      <dgm:prSet presAssocID="{D08D0734-2670-49F7-8B71-886E5BBEAFC9}" presName="Parent6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2ED6A15A-F59E-4F88-AA7C-8EA5B0B1845A}" type="pres">
      <dgm:prSet presAssocID="{71562C2E-16B0-48D7-873B-56DC24A65D00}" presName="Accent5" presStyleCnt="0"/>
      <dgm:spPr/>
    </dgm:pt>
    <dgm:pt modelId="{B1C7B13A-809D-4DE3-8B96-B28874310F70}" type="pres">
      <dgm:prSet presAssocID="{71562C2E-16B0-48D7-873B-56DC24A65D00}" presName="Accent" presStyleLbl="node1" presStyleIdx="3" presStyleCnt="8"/>
      <dgm:spPr/>
    </dgm:pt>
    <dgm:pt modelId="{DE8830D5-ED13-4007-A930-6D0E13F91575}" type="pres">
      <dgm:prSet presAssocID="{71562C2E-16B0-48D7-873B-56DC24A65D00}" presName="ParentBackground5" presStyleCnt="0"/>
      <dgm:spPr/>
    </dgm:pt>
    <dgm:pt modelId="{F909F097-30E0-483E-93B6-2CE6D5866818}" type="pres">
      <dgm:prSet presAssocID="{71562C2E-16B0-48D7-873B-56DC24A65D00}" presName="ParentBackground" presStyleLbl="fgAcc1" presStyleIdx="3" presStyleCnt="8"/>
      <dgm:spPr/>
    </dgm:pt>
    <dgm:pt modelId="{C013460F-4C75-4138-9985-9936EC1FE1F7}" type="pres">
      <dgm:prSet presAssocID="{71562C2E-16B0-48D7-873B-56DC24A65D00}" presName="Parent5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8DC5081E-DBD4-4E81-B0B2-7503D125931A}" type="pres">
      <dgm:prSet presAssocID="{D5A2DC74-0881-4F10-97C3-FCB2F3D9634F}" presName="Accent4" presStyleCnt="0"/>
      <dgm:spPr/>
    </dgm:pt>
    <dgm:pt modelId="{13C5187D-D36C-4AAC-9236-989E8271FAD5}" type="pres">
      <dgm:prSet presAssocID="{D5A2DC74-0881-4F10-97C3-FCB2F3D9634F}" presName="Accent" presStyleLbl="node1" presStyleIdx="4" presStyleCnt="8"/>
      <dgm:spPr/>
    </dgm:pt>
    <dgm:pt modelId="{469EDE34-B714-40F4-B6D3-5EE827A79B75}" type="pres">
      <dgm:prSet presAssocID="{D5A2DC74-0881-4F10-97C3-FCB2F3D9634F}" presName="ParentBackground4" presStyleCnt="0"/>
      <dgm:spPr/>
    </dgm:pt>
    <dgm:pt modelId="{3B24207E-0AFA-4080-8AE7-F25BD2838CE8}" type="pres">
      <dgm:prSet presAssocID="{D5A2DC74-0881-4F10-97C3-FCB2F3D9634F}" presName="ParentBackground" presStyleLbl="fgAcc1" presStyleIdx="4" presStyleCnt="8"/>
      <dgm:spPr/>
    </dgm:pt>
    <dgm:pt modelId="{4818A4C8-EFA0-4C1D-B6A9-70D102DD2A7A}" type="pres">
      <dgm:prSet presAssocID="{D5A2DC74-0881-4F10-97C3-FCB2F3D9634F}" presName="Parent4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3A4F33C2-3C17-4772-9F2D-055106086FFD}" type="pres">
      <dgm:prSet presAssocID="{5D48A3AF-F898-48DB-AA09-39320F2FD3A1}" presName="Accent3" presStyleCnt="0"/>
      <dgm:spPr/>
    </dgm:pt>
    <dgm:pt modelId="{AC4E8628-7BE7-42A7-8A2A-DD13DD0FD98F}" type="pres">
      <dgm:prSet presAssocID="{5D48A3AF-F898-48DB-AA09-39320F2FD3A1}" presName="Accent" presStyleLbl="node1" presStyleIdx="5" presStyleCnt="8"/>
      <dgm:spPr/>
    </dgm:pt>
    <dgm:pt modelId="{018AA096-AD85-4D9B-9DE7-A297BDFC3D10}" type="pres">
      <dgm:prSet presAssocID="{5D48A3AF-F898-48DB-AA09-39320F2FD3A1}" presName="ParentBackground3" presStyleCnt="0"/>
      <dgm:spPr/>
    </dgm:pt>
    <dgm:pt modelId="{9FEC910F-4E68-4925-AFE2-6F4A1970E313}" type="pres">
      <dgm:prSet presAssocID="{5D48A3AF-F898-48DB-AA09-39320F2FD3A1}" presName="ParentBackground" presStyleLbl="fgAcc1" presStyleIdx="5" presStyleCnt="8"/>
      <dgm:spPr/>
    </dgm:pt>
    <dgm:pt modelId="{C5B27534-4610-4CE2-B8DB-C17C961536A6}" type="pres">
      <dgm:prSet presAssocID="{5D48A3AF-F898-48DB-AA09-39320F2FD3A1}" presName="Parent3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BC4981BD-4601-48B2-9D4C-354D5C6858DF}" type="pres">
      <dgm:prSet presAssocID="{1851933F-03B9-43A1-B9FF-43BC229591C3}" presName="Accent2" presStyleCnt="0"/>
      <dgm:spPr/>
    </dgm:pt>
    <dgm:pt modelId="{B13CB9E6-957C-4D0B-BB05-C3221F2F70F0}" type="pres">
      <dgm:prSet presAssocID="{1851933F-03B9-43A1-B9FF-43BC229591C3}" presName="Accent" presStyleLbl="node1" presStyleIdx="6" presStyleCnt="8"/>
      <dgm:spPr/>
    </dgm:pt>
    <dgm:pt modelId="{69E4A030-4ABD-4963-BE88-F3971FB97A55}" type="pres">
      <dgm:prSet presAssocID="{1851933F-03B9-43A1-B9FF-43BC229591C3}" presName="ParentBackground2" presStyleCnt="0"/>
      <dgm:spPr/>
    </dgm:pt>
    <dgm:pt modelId="{3F76725D-BB9E-408E-B088-DD95E7937C39}" type="pres">
      <dgm:prSet presAssocID="{1851933F-03B9-43A1-B9FF-43BC229591C3}" presName="ParentBackground" presStyleLbl="fgAcc1" presStyleIdx="6" presStyleCnt="8"/>
      <dgm:spPr/>
    </dgm:pt>
    <dgm:pt modelId="{1DCC74C9-B752-4291-8805-378E5D5E26A4}" type="pres">
      <dgm:prSet presAssocID="{1851933F-03B9-43A1-B9FF-43BC229591C3}" presName="Parent2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049C03D6-E47A-472E-AA2C-15BC8EC3D4C2}" type="pres">
      <dgm:prSet presAssocID="{46A2AFB7-69E5-4C56-A38E-1E2B3676E3DF}" presName="Accent1" presStyleCnt="0"/>
      <dgm:spPr/>
    </dgm:pt>
    <dgm:pt modelId="{BCF55139-7438-476F-B5D9-01339D5E1CDE}" type="pres">
      <dgm:prSet presAssocID="{46A2AFB7-69E5-4C56-A38E-1E2B3676E3DF}" presName="Accent" presStyleLbl="node1" presStyleIdx="7" presStyleCnt="8"/>
      <dgm:spPr/>
    </dgm:pt>
    <dgm:pt modelId="{9210F676-6A62-4D60-B80A-F61B11A47485}" type="pres">
      <dgm:prSet presAssocID="{46A2AFB7-69E5-4C56-A38E-1E2B3676E3DF}" presName="ParentBackground1" presStyleCnt="0"/>
      <dgm:spPr/>
    </dgm:pt>
    <dgm:pt modelId="{3D4DBF55-6C79-4E92-93B9-2E07ECD720D8}" type="pres">
      <dgm:prSet presAssocID="{46A2AFB7-69E5-4C56-A38E-1E2B3676E3DF}" presName="ParentBackground" presStyleLbl="fgAcc1" presStyleIdx="7" presStyleCnt="8"/>
      <dgm:spPr/>
    </dgm:pt>
    <dgm:pt modelId="{CCDF26F4-6174-4B9D-A27A-02D89E269DC0}" type="pres">
      <dgm:prSet presAssocID="{46A2AFB7-69E5-4C56-A38E-1E2B3676E3DF}" presName="Parent1" presStyleLbl="revTx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CC14BB12-D62E-4E08-9335-0154ED40421C}" type="presOf" srcId="{1851933F-03B9-43A1-B9FF-43BC229591C3}" destId="{3F76725D-BB9E-408E-B088-DD95E7937C39}" srcOrd="0" destOrd="0" presId="urn:microsoft.com/office/officeart/2011/layout/CircleProcess"/>
    <dgm:cxn modelId="{01E43AF5-B12B-4E39-8455-34410475531B}" type="presOf" srcId="{71562C2E-16B0-48D7-873B-56DC24A65D00}" destId="{C013460F-4C75-4138-9985-9936EC1FE1F7}" srcOrd="1" destOrd="0" presId="urn:microsoft.com/office/officeart/2011/layout/CircleProcess"/>
    <dgm:cxn modelId="{9D55FF7F-FA25-4CB2-9BBA-35630A9A666C}" type="presOf" srcId="{46A2AFB7-69E5-4C56-A38E-1E2B3676E3DF}" destId="{CCDF26F4-6174-4B9D-A27A-02D89E269DC0}" srcOrd="1" destOrd="0" presId="urn:microsoft.com/office/officeart/2011/layout/CircleProcess"/>
    <dgm:cxn modelId="{9A6E3498-D94E-4AEB-A336-C610A8AE9379}" srcId="{7D1DF302-47C1-445D-968A-EC1965E64AEB}" destId="{13A45295-5BC2-465E-9438-3A976E8576CD}" srcOrd="6" destOrd="0" parTransId="{C79D4946-5F69-4B57-8305-F3D3CB2BE93C}" sibTransId="{C1A725A6-CB62-4934-BB56-D0A8091644E8}"/>
    <dgm:cxn modelId="{A86A0ECF-5768-45C2-8749-26D9E4349C31}" type="presOf" srcId="{0D425390-9DFE-446B-873E-866DCB128EBE}" destId="{74D905EE-673B-42C0-88A0-D1D3F84C83DE}" srcOrd="0" destOrd="0" presId="urn:microsoft.com/office/officeart/2011/layout/CircleProcess"/>
    <dgm:cxn modelId="{B0CE28FF-1F51-43DD-9055-D7FF79386FAF}" type="presOf" srcId="{13A45295-5BC2-465E-9438-3A976E8576CD}" destId="{D28B773D-015A-4D4D-BF51-EA3A20C7DA2B}" srcOrd="1" destOrd="0" presId="urn:microsoft.com/office/officeart/2011/layout/CircleProcess"/>
    <dgm:cxn modelId="{A6AAB11C-A89E-47AB-9EC6-2458F9DDC41D}" type="presOf" srcId="{7D1DF302-47C1-445D-968A-EC1965E64AEB}" destId="{255C9F1C-68B6-498D-A156-47B5B612362F}" srcOrd="0" destOrd="0" presId="urn:microsoft.com/office/officeart/2011/layout/CircleProcess"/>
    <dgm:cxn modelId="{6008DF28-F996-469A-A769-349DBE0D5BA6}" srcId="{7D1DF302-47C1-445D-968A-EC1965E64AEB}" destId="{0D425390-9DFE-446B-873E-866DCB128EBE}" srcOrd="7" destOrd="0" parTransId="{886B353C-E320-46B8-8A8C-1086C94A5BBB}" sibTransId="{88942B8B-A7B8-4193-B275-2A61993BE420}"/>
    <dgm:cxn modelId="{7D095145-6A11-4776-BAF3-E35CF55C13DF}" type="presOf" srcId="{13A45295-5BC2-465E-9438-3A976E8576CD}" destId="{65C1C9DA-8466-45A0-A07B-E03018529448}" srcOrd="0" destOrd="0" presId="urn:microsoft.com/office/officeart/2011/layout/CircleProcess"/>
    <dgm:cxn modelId="{4E48727B-0AD9-4538-BF13-3C1F2ECFE1C4}" srcId="{7D1DF302-47C1-445D-968A-EC1965E64AEB}" destId="{46A2AFB7-69E5-4C56-A38E-1E2B3676E3DF}" srcOrd="0" destOrd="0" parTransId="{DA12EB57-AA55-4990-BCAC-7F0B12218E9B}" sibTransId="{3B89F443-D651-4A80-BA25-CFC6A1BED7B8}"/>
    <dgm:cxn modelId="{0AFC8363-3108-451E-B60C-9B8988E44B5B}" type="presOf" srcId="{1851933F-03B9-43A1-B9FF-43BC229591C3}" destId="{1DCC74C9-B752-4291-8805-378E5D5E26A4}" srcOrd="1" destOrd="0" presId="urn:microsoft.com/office/officeart/2011/layout/CircleProcess"/>
    <dgm:cxn modelId="{B281CCDF-B566-4B06-A5A9-F8210D22B900}" srcId="{7D1DF302-47C1-445D-968A-EC1965E64AEB}" destId="{D08D0734-2670-49F7-8B71-886E5BBEAFC9}" srcOrd="5" destOrd="0" parTransId="{E2168904-1D02-49E8-BBE4-791C01B62897}" sibTransId="{2B39229D-361E-4E41-85FA-5B3304EDE842}"/>
    <dgm:cxn modelId="{4641AC68-5D85-4025-A0ED-EA36E7A6C368}" type="presOf" srcId="{46A2AFB7-69E5-4C56-A38E-1E2B3676E3DF}" destId="{3D4DBF55-6C79-4E92-93B9-2E07ECD720D8}" srcOrd="0" destOrd="0" presId="urn:microsoft.com/office/officeart/2011/layout/CircleProcess"/>
    <dgm:cxn modelId="{546914AB-7245-4DF7-84AD-51891A22A94A}" srcId="{7D1DF302-47C1-445D-968A-EC1965E64AEB}" destId="{71562C2E-16B0-48D7-873B-56DC24A65D00}" srcOrd="4" destOrd="0" parTransId="{A2520EEE-A1A1-43F6-95AB-75942823EA04}" sibTransId="{E215A14E-9EE8-4FD5-AC5C-A06C0DF3E92C}"/>
    <dgm:cxn modelId="{1E6D2FD5-5413-4BF4-87C1-D1D87DDC9514}" srcId="{7D1DF302-47C1-445D-968A-EC1965E64AEB}" destId="{5D48A3AF-F898-48DB-AA09-39320F2FD3A1}" srcOrd="2" destOrd="0" parTransId="{62BF0AD1-DF5C-4311-8FB1-1E877A539C21}" sibTransId="{87FBEE01-F7AF-40B7-AFBF-F75E006B77CB}"/>
    <dgm:cxn modelId="{7F2A11CA-E940-4CFF-8BA7-0D6C7A5E0E09}" type="presOf" srcId="{D08D0734-2670-49F7-8B71-886E5BBEAFC9}" destId="{71B5A1B1-64E5-48F4-A0B8-F3B07178B9E7}" srcOrd="0" destOrd="0" presId="urn:microsoft.com/office/officeart/2011/layout/CircleProcess"/>
    <dgm:cxn modelId="{835E7420-02CC-4CD0-A76F-375692286D8F}" type="presOf" srcId="{D5A2DC74-0881-4F10-97C3-FCB2F3D9634F}" destId="{3B24207E-0AFA-4080-8AE7-F25BD2838CE8}" srcOrd="0" destOrd="0" presId="urn:microsoft.com/office/officeart/2011/layout/CircleProcess"/>
    <dgm:cxn modelId="{A299D923-8481-4D59-924D-295DC8F140F1}" type="presOf" srcId="{5D48A3AF-F898-48DB-AA09-39320F2FD3A1}" destId="{9FEC910F-4E68-4925-AFE2-6F4A1970E313}" srcOrd="0" destOrd="0" presId="urn:microsoft.com/office/officeart/2011/layout/CircleProcess"/>
    <dgm:cxn modelId="{6A0D228F-502D-453F-B055-0A381C178188}" type="presOf" srcId="{D5A2DC74-0881-4F10-97C3-FCB2F3D9634F}" destId="{4818A4C8-EFA0-4C1D-B6A9-70D102DD2A7A}" srcOrd="1" destOrd="0" presId="urn:microsoft.com/office/officeart/2011/layout/CircleProcess"/>
    <dgm:cxn modelId="{E003CECC-BD84-43F8-9645-222DEAA28722}" type="presOf" srcId="{71562C2E-16B0-48D7-873B-56DC24A65D00}" destId="{F909F097-30E0-483E-93B6-2CE6D5866818}" srcOrd="0" destOrd="0" presId="urn:microsoft.com/office/officeart/2011/layout/CircleProcess"/>
    <dgm:cxn modelId="{0AB56348-0467-4E1E-8C96-A5F5D5914A7A}" srcId="{7D1DF302-47C1-445D-968A-EC1965E64AEB}" destId="{D5A2DC74-0881-4F10-97C3-FCB2F3D9634F}" srcOrd="3" destOrd="0" parTransId="{243B582A-E98B-4261-A702-DD243DD9B85C}" sibTransId="{A41A1ADA-D81B-4B50-A3E3-03F5445C5773}"/>
    <dgm:cxn modelId="{693474BA-8E70-4D47-9E1D-ECEFFE11A6D7}" type="presOf" srcId="{0D425390-9DFE-446B-873E-866DCB128EBE}" destId="{E2132ECA-67B0-44D1-9BE5-9E5A415BEC21}" srcOrd="1" destOrd="0" presId="urn:microsoft.com/office/officeart/2011/layout/CircleProcess"/>
    <dgm:cxn modelId="{6F02148F-EBE9-4B53-A410-D3E0CB757241}" type="presOf" srcId="{5D48A3AF-F898-48DB-AA09-39320F2FD3A1}" destId="{C5B27534-4610-4CE2-B8DB-C17C961536A6}" srcOrd="1" destOrd="0" presId="urn:microsoft.com/office/officeart/2011/layout/CircleProcess"/>
    <dgm:cxn modelId="{96F5FC64-AA7E-497B-A2BE-32F438D363A1}" type="presOf" srcId="{D08D0734-2670-49F7-8B71-886E5BBEAFC9}" destId="{590DDE25-54D7-4454-8F6C-25D154212AAA}" srcOrd="1" destOrd="0" presId="urn:microsoft.com/office/officeart/2011/layout/CircleProcess"/>
    <dgm:cxn modelId="{381AFE9F-4F79-4237-AD77-2486433C3FF8}" srcId="{7D1DF302-47C1-445D-968A-EC1965E64AEB}" destId="{1851933F-03B9-43A1-B9FF-43BC229591C3}" srcOrd="1" destOrd="0" parTransId="{565B5973-4737-4FB2-95F1-B0C0C82AC727}" sibTransId="{4A653FCA-698A-4CD5-B7FE-5C40AC3E1071}"/>
    <dgm:cxn modelId="{FF6866DA-A98C-4EA1-A6D8-CBF511000541}" type="presParOf" srcId="{255C9F1C-68B6-498D-A156-47B5B612362F}" destId="{56BC1F8D-B7DC-48EA-B8B0-74AEF32FE497}" srcOrd="0" destOrd="0" presId="urn:microsoft.com/office/officeart/2011/layout/CircleProcess"/>
    <dgm:cxn modelId="{3B8988C5-1609-44E7-AE87-FA472B908C73}" type="presParOf" srcId="{56BC1F8D-B7DC-48EA-B8B0-74AEF32FE497}" destId="{848EB86A-D645-4952-AFE7-6FF7F3F90765}" srcOrd="0" destOrd="0" presId="urn:microsoft.com/office/officeart/2011/layout/CircleProcess"/>
    <dgm:cxn modelId="{F00D65CC-572A-4521-9702-A9217009625E}" type="presParOf" srcId="{255C9F1C-68B6-498D-A156-47B5B612362F}" destId="{EB7B02B5-61B2-4A54-9785-360E6C91A913}" srcOrd="1" destOrd="0" presId="urn:microsoft.com/office/officeart/2011/layout/CircleProcess"/>
    <dgm:cxn modelId="{3392089B-8890-46D2-AF6F-1CC91DFF445C}" type="presParOf" srcId="{EB7B02B5-61B2-4A54-9785-360E6C91A913}" destId="{74D905EE-673B-42C0-88A0-D1D3F84C83DE}" srcOrd="0" destOrd="0" presId="urn:microsoft.com/office/officeart/2011/layout/CircleProcess"/>
    <dgm:cxn modelId="{8FDA82E6-D4ED-41FE-B7A6-4D8090ABB060}" type="presParOf" srcId="{255C9F1C-68B6-498D-A156-47B5B612362F}" destId="{E2132ECA-67B0-44D1-9BE5-9E5A415BEC21}" srcOrd="2" destOrd="0" presId="urn:microsoft.com/office/officeart/2011/layout/CircleProcess"/>
    <dgm:cxn modelId="{F626BE55-6A39-4003-A92B-37E79ED9BDE8}" type="presParOf" srcId="{255C9F1C-68B6-498D-A156-47B5B612362F}" destId="{3D0183FA-3D9F-441A-A638-9E6F468DC836}" srcOrd="3" destOrd="0" presId="urn:microsoft.com/office/officeart/2011/layout/CircleProcess"/>
    <dgm:cxn modelId="{9FFEB91B-AC0E-4D7D-BBE3-7649DA8D05FB}" type="presParOf" srcId="{3D0183FA-3D9F-441A-A638-9E6F468DC836}" destId="{B6218B0F-8DC2-41AD-95FF-B93E0E1AEC19}" srcOrd="0" destOrd="0" presId="urn:microsoft.com/office/officeart/2011/layout/CircleProcess"/>
    <dgm:cxn modelId="{CA79E658-AAFA-46A6-816C-DFEA639AFFD7}" type="presParOf" srcId="{255C9F1C-68B6-498D-A156-47B5B612362F}" destId="{89DA6B89-F831-4687-AC02-B576C21CE16C}" srcOrd="4" destOrd="0" presId="urn:microsoft.com/office/officeart/2011/layout/CircleProcess"/>
    <dgm:cxn modelId="{BB1E20CB-878D-40A1-BED4-7B013AFFB719}" type="presParOf" srcId="{89DA6B89-F831-4687-AC02-B576C21CE16C}" destId="{65C1C9DA-8466-45A0-A07B-E03018529448}" srcOrd="0" destOrd="0" presId="urn:microsoft.com/office/officeart/2011/layout/CircleProcess"/>
    <dgm:cxn modelId="{DE3022C7-F4F4-425B-A58B-3A78F1224EDF}" type="presParOf" srcId="{255C9F1C-68B6-498D-A156-47B5B612362F}" destId="{D28B773D-015A-4D4D-BF51-EA3A20C7DA2B}" srcOrd="5" destOrd="0" presId="urn:microsoft.com/office/officeart/2011/layout/CircleProcess"/>
    <dgm:cxn modelId="{E9CC2827-EC4B-4FBD-A643-CAFC9FA08293}" type="presParOf" srcId="{255C9F1C-68B6-498D-A156-47B5B612362F}" destId="{B8C5920A-5751-4085-BD59-A4CFE03990B4}" srcOrd="6" destOrd="0" presId="urn:microsoft.com/office/officeart/2011/layout/CircleProcess"/>
    <dgm:cxn modelId="{D071B48C-D7F6-4D06-A69F-93A3B20BE58B}" type="presParOf" srcId="{B8C5920A-5751-4085-BD59-A4CFE03990B4}" destId="{2FEAAE9B-79FE-45F6-B64B-66AF7C69F8AE}" srcOrd="0" destOrd="0" presId="urn:microsoft.com/office/officeart/2011/layout/CircleProcess"/>
    <dgm:cxn modelId="{A8917A6B-0805-42DC-847A-FAA9676A4B1F}" type="presParOf" srcId="{255C9F1C-68B6-498D-A156-47B5B612362F}" destId="{415593E2-B03C-4A28-9ADD-204D41AE4C21}" srcOrd="7" destOrd="0" presId="urn:microsoft.com/office/officeart/2011/layout/CircleProcess"/>
    <dgm:cxn modelId="{8FC17E76-AF6E-42A5-90EF-E4DA94193A75}" type="presParOf" srcId="{415593E2-B03C-4A28-9ADD-204D41AE4C21}" destId="{71B5A1B1-64E5-48F4-A0B8-F3B07178B9E7}" srcOrd="0" destOrd="0" presId="urn:microsoft.com/office/officeart/2011/layout/CircleProcess"/>
    <dgm:cxn modelId="{50CBB0E0-DDD5-45F3-BAC8-0C17831F4C3F}" type="presParOf" srcId="{255C9F1C-68B6-498D-A156-47B5B612362F}" destId="{590DDE25-54D7-4454-8F6C-25D154212AAA}" srcOrd="8" destOrd="0" presId="urn:microsoft.com/office/officeart/2011/layout/CircleProcess"/>
    <dgm:cxn modelId="{B17AD5A8-BEEB-41A2-9018-7B0B9D99FFF7}" type="presParOf" srcId="{255C9F1C-68B6-498D-A156-47B5B612362F}" destId="{2ED6A15A-F59E-4F88-AA7C-8EA5B0B1845A}" srcOrd="9" destOrd="0" presId="urn:microsoft.com/office/officeart/2011/layout/CircleProcess"/>
    <dgm:cxn modelId="{003A7350-8C73-4EDC-8035-BA38675A07B1}" type="presParOf" srcId="{2ED6A15A-F59E-4F88-AA7C-8EA5B0B1845A}" destId="{B1C7B13A-809D-4DE3-8B96-B28874310F70}" srcOrd="0" destOrd="0" presId="urn:microsoft.com/office/officeart/2011/layout/CircleProcess"/>
    <dgm:cxn modelId="{329DF1D9-7C8B-4A52-8E66-E4F6C3C93E7D}" type="presParOf" srcId="{255C9F1C-68B6-498D-A156-47B5B612362F}" destId="{DE8830D5-ED13-4007-A930-6D0E13F91575}" srcOrd="10" destOrd="0" presId="urn:microsoft.com/office/officeart/2011/layout/CircleProcess"/>
    <dgm:cxn modelId="{81F1DA45-4A72-490D-8ED3-B823DB5F2919}" type="presParOf" srcId="{DE8830D5-ED13-4007-A930-6D0E13F91575}" destId="{F909F097-30E0-483E-93B6-2CE6D5866818}" srcOrd="0" destOrd="0" presId="urn:microsoft.com/office/officeart/2011/layout/CircleProcess"/>
    <dgm:cxn modelId="{DFD6D5E4-7A5B-4AAA-AFC0-D6676A22AF27}" type="presParOf" srcId="{255C9F1C-68B6-498D-A156-47B5B612362F}" destId="{C013460F-4C75-4138-9985-9936EC1FE1F7}" srcOrd="11" destOrd="0" presId="urn:microsoft.com/office/officeart/2011/layout/CircleProcess"/>
    <dgm:cxn modelId="{7FA6FA26-C444-4EE8-AE05-46624E827882}" type="presParOf" srcId="{255C9F1C-68B6-498D-A156-47B5B612362F}" destId="{8DC5081E-DBD4-4E81-B0B2-7503D125931A}" srcOrd="12" destOrd="0" presId="urn:microsoft.com/office/officeart/2011/layout/CircleProcess"/>
    <dgm:cxn modelId="{BF6D4E3B-D522-41C5-97E4-0A35F479549C}" type="presParOf" srcId="{8DC5081E-DBD4-4E81-B0B2-7503D125931A}" destId="{13C5187D-D36C-4AAC-9236-989E8271FAD5}" srcOrd="0" destOrd="0" presId="urn:microsoft.com/office/officeart/2011/layout/CircleProcess"/>
    <dgm:cxn modelId="{A516CA49-8704-4315-A94D-C46B8528B7D0}" type="presParOf" srcId="{255C9F1C-68B6-498D-A156-47B5B612362F}" destId="{469EDE34-B714-40F4-B6D3-5EE827A79B75}" srcOrd="13" destOrd="0" presId="urn:microsoft.com/office/officeart/2011/layout/CircleProcess"/>
    <dgm:cxn modelId="{477EAA88-ABB8-4ADE-AAAB-626A2D0975D1}" type="presParOf" srcId="{469EDE34-B714-40F4-B6D3-5EE827A79B75}" destId="{3B24207E-0AFA-4080-8AE7-F25BD2838CE8}" srcOrd="0" destOrd="0" presId="urn:microsoft.com/office/officeart/2011/layout/CircleProcess"/>
    <dgm:cxn modelId="{FA3E39DE-8D8B-4CF8-B6E0-4FC8C9E3DECE}" type="presParOf" srcId="{255C9F1C-68B6-498D-A156-47B5B612362F}" destId="{4818A4C8-EFA0-4C1D-B6A9-70D102DD2A7A}" srcOrd="14" destOrd="0" presId="urn:microsoft.com/office/officeart/2011/layout/CircleProcess"/>
    <dgm:cxn modelId="{0A6F011E-83A1-4C8F-BCE2-F6DA5C49EA31}" type="presParOf" srcId="{255C9F1C-68B6-498D-A156-47B5B612362F}" destId="{3A4F33C2-3C17-4772-9F2D-055106086FFD}" srcOrd="15" destOrd="0" presId="urn:microsoft.com/office/officeart/2011/layout/CircleProcess"/>
    <dgm:cxn modelId="{74973B24-7DC1-4160-8C02-708AC4D1BC53}" type="presParOf" srcId="{3A4F33C2-3C17-4772-9F2D-055106086FFD}" destId="{AC4E8628-7BE7-42A7-8A2A-DD13DD0FD98F}" srcOrd="0" destOrd="0" presId="urn:microsoft.com/office/officeart/2011/layout/CircleProcess"/>
    <dgm:cxn modelId="{66504676-15CE-4546-82E7-C686AC600B11}" type="presParOf" srcId="{255C9F1C-68B6-498D-A156-47B5B612362F}" destId="{018AA096-AD85-4D9B-9DE7-A297BDFC3D10}" srcOrd="16" destOrd="0" presId="urn:microsoft.com/office/officeart/2011/layout/CircleProcess"/>
    <dgm:cxn modelId="{1EE97ACF-D1E2-4C1F-94CE-E7F9358B4CB1}" type="presParOf" srcId="{018AA096-AD85-4D9B-9DE7-A297BDFC3D10}" destId="{9FEC910F-4E68-4925-AFE2-6F4A1970E313}" srcOrd="0" destOrd="0" presId="urn:microsoft.com/office/officeart/2011/layout/CircleProcess"/>
    <dgm:cxn modelId="{6ABC7BAD-F014-414B-BA1E-8DC0DA6D5A30}" type="presParOf" srcId="{255C9F1C-68B6-498D-A156-47B5B612362F}" destId="{C5B27534-4610-4CE2-B8DB-C17C961536A6}" srcOrd="17" destOrd="0" presId="urn:microsoft.com/office/officeart/2011/layout/CircleProcess"/>
    <dgm:cxn modelId="{37B62C8D-70F3-471C-A1DC-36BBAB9D74B4}" type="presParOf" srcId="{255C9F1C-68B6-498D-A156-47B5B612362F}" destId="{BC4981BD-4601-48B2-9D4C-354D5C6858DF}" srcOrd="18" destOrd="0" presId="urn:microsoft.com/office/officeart/2011/layout/CircleProcess"/>
    <dgm:cxn modelId="{0AAD2278-CC4E-4E8B-B4ED-7745D9C07A81}" type="presParOf" srcId="{BC4981BD-4601-48B2-9D4C-354D5C6858DF}" destId="{B13CB9E6-957C-4D0B-BB05-C3221F2F70F0}" srcOrd="0" destOrd="0" presId="urn:microsoft.com/office/officeart/2011/layout/CircleProcess"/>
    <dgm:cxn modelId="{46B3EFD5-DA9F-4857-AEE8-AF44CBD5625A}" type="presParOf" srcId="{255C9F1C-68B6-498D-A156-47B5B612362F}" destId="{69E4A030-4ABD-4963-BE88-F3971FB97A55}" srcOrd="19" destOrd="0" presId="urn:microsoft.com/office/officeart/2011/layout/CircleProcess"/>
    <dgm:cxn modelId="{47612F80-288B-43AA-A638-B087E3E657B9}" type="presParOf" srcId="{69E4A030-4ABD-4963-BE88-F3971FB97A55}" destId="{3F76725D-BB9E-408E-B088-DD95E7937C39}" srcOrd="0" destOrd="0" presId="urn:microsoft.com/office/officeart/2011/layout/CircleProcess"/>
    <dgm:cxn modelId="{4B9B8D02-9025-4132-93F8-2E1D865E488A}" type="presParOf" srcId="{255C9F1C-68B6-498D-A156-47B5B612362F}" destId="{1DCC74C9-B752-4291-8805-378E5D5E26A4}" srcOrd="20" destOrd="0" presId="urn:microsoft.com/office/officeart/2011/layout/CircleProcess"/>
    <dgm:cxn modelId="{321FA00B-69EA-4A17-B3F3-5A7EA0D62642}" type="presParOf" srcId="{255C9F1C-68B6-498D-A156-47B5B612362F}" destId="{049C03D6-E47A-472E-AA2C-15BC8EC3D4C2}" srcOrd="21" destOrd="0" presId="urn:microsoft.com/office/officeart/2011/layout/CircleProcess"/>
    <dgm:cxn modelId="{43ACA410-1883-4D10-A335-C6C6A089F01D}" type="presParOf" srcId="{049C03D6-E47A-472E-AA2C-15BC8EC3D4C2}" destId="{BCF55139-7438-476F-B5D9-01339D5E1CDE}" srcOrd="0" destOrd="0" presId="urn:microsoft.com/office/officeart/2011/layout/CircleProcess"/>
    <dgm:cxn modelId="{9069E9C4-7A11-4FE7-8923-D003A434B010}" type="presParOf" srcId="{255C9F1C-68B6-498D-A156-47B5B612362F}" destId="{9210F676-6A62-4D60-B80A-F61B11A47485}" srcOrd="22" destOrd="0" presId="urn:microsoft.com/office/officeart/2011/layout/CircleProcess"/>
    <dgm:cxn modelId="{8716AB0E-86F6-41F7-971C-D867204C4620}" type="presParOf" srcId="{9210F676-6A62-4D60-B80A-F61B11A47485}" destId="{3D4DBF55-6C79-4E92-93B9-2E07ECD720D8}" srcOrd="0" destOrd="0" presId="urn:microsoft.com/office/officeart/2011/layout/CircleProcess"/>
    <dgm:cxn modelId="{99D70FA5-E56B-4453-A1B0-F9428EEEE5E4}" type="presParOf" srcId="{255C9F1C-68B6-498D-A156-47B5B612362F}" destId="{CCDF26F4-6174-4B9D-A27A-02D89E269DC0}" srcOrd="23" destOrd="0" presId="urn:microsoft.com/office/officeart/2011/layout/Circle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33E9066-E0CC-42EF-9624-CC7ED06CE11F}" type="doc">
      <dgm:prSet loTypeId="urn:microsoft.com/office/officeart/2005/8/layout/chevron2" loCatId="list" qsTypeId="urn:microsoft.com/office/officeart/2005/8/quickstyle/simple1" qsCatId="simple" csTypeId="urn:microsoft.com/office/officeart/2005/8/colors/colorful2" csCatId="colorful" phldr="1"/>
      <dgm:spPr/>
      <dgm:t>
        <a:bodyPr/>
        <a:lstStyle/>
        <a:p>
          <a:endParaRPr lang="en-US"/>
        </a:p>
      </dgm:t>
    </dgm:pt>
    <dgm:pt modelId="{E006F25D-D21A-43E5-A320-72146A4F8C12}">
      <dgm:prSet phldrT="[Text]"/>
      <dgm:spPr/>
      <dgm:t>
        <a:bodyPr/>
        <a:lstStyle/>
        <a:p>
          <a:r>
            <a:rPr lang="en-US" dirty="0"/>
            <a:t>R</a:t>
          </a:r>
        </a:p>
      </dgm:t>
    </dgm:pt>
    <dgm:pt modelId="{1B0349EB-DDF6-4B1D-97DF-0EFF939B1F82}" type="parTrans" cxnId="{AA9D940A-1AD7-4CC2-AA91-BD87A5F15857}">
      <dgm:prSet/>
      <dgm:spPr/>
      <dgm:t>
        <a:bodyPr/>
        <a:lstStyle/>
        <a:p>
          <a:endParaRPr lang="en-US"/>
        </a:p>
      </dgm:t>
    </dgm:pt>
    <dgm:pt modelId="{3A6FE02B-E18B-419F-B188-BF9810DDA165}" type="sibTrans" cxnId="{AA9D940A-1AD7-4CC2-AA91-BD87A5F15857}">
      <dgm:prSet/>
      <dgm:spPr/>
      <dgm:t>
        <a:bodyPr/>
        <a:lstStyle/>
        <a:p>
          <a:endParaRPr lang="en-US"/>
        </a:p>
      </dgm:t>
    </dgm:pt>
    <dgm:pt modelId="{904A3F5F-FB35-46D9-A5A1-1548FBCBDB66}">
      <dgm:prSet phldrT="[Text]"/>
      <dgm:spPr/>
      <dgm:t>
        <a:bodyPr/>
        <a:lstStyle/>
        <a:p>
          <a:r>
            <a:rPr lang="en-US" dirty="0"/>
            <a:t>G</a:t>
          </a:r>
        </a:p>
      </dgm:t>
    </dgm:pt>
    <dgm:pt modelId="{1B3ACDCD-4520-4F6A-8A72-9D9EB44799BC}" type="parTrans" cxnId="{754C81F4-10E2-49C4-AC6D-5C03D9E62F0C}">
      <dgm:prSet/>
      <dgm:spPr/>
      <dgm:t>
        <a:bodyPr/>
        <a:lstStyle/>
        <a:p>
          <a:endParaRPr lang="en-US"/>
        </a:p>
      </dgm:t>
    </dgm:pt>
    <dgm:pt modelId="{D8913DC0-96A2-4EA5-8A8A-5644C27A8E4B}" type="sibTrans" cxnId="{754C81F4-10E2-49C4-AC6D-5C03D9E62F0C}">
      <dgm:prSet/>
      <dgm:spPr/>
      <dgm:t>
        <a:bodyPr/>
        <a:lstStyle/>
        <a:p>
          <a:endParaRPr lang="en-US"/>
        </a:p>
      </dgm:t>
    </dgm:pt>
    <dgm:pt modelId="{8817764F-3CED-424B-908C-7AE213F28F54}">
      <dgm:prSet phldrT="[Text]"/>
      <dgm:spPr/>
      <dgm:t>
        <a:bodyPr/>
        <a:lstStyle/>
        <a:p>
          <a:r>
            <a:rPr lang="en-US" dirty="0"/>
            <a:t>H</a:t>
          </a:r>
        </a:p>
      </dgm:t>
    </dgm:pt>
    <dgm:pt modelId="{99EFFE41-A91A-4D7F-A919-026018D91AD9}" type="parTrans" cxnId="{3590BD82-7E9D-476E-A7C4-F27856A5B862}">
      <dgm:prSet/>
      <dgm:spPr/>
      <dgm:t>
        <a:bodyPr/>
        <a:lstStyle/>
        <a:p>
          <a:endParaRPr lang="en-US"/>
        </a:p>
      </dgm:t>
    </dgm:pt>
    <dgm:pt modelId="{7033E0F7-2B4D-4565-A39B-AEA086498973}" type="sibTrans" cxnId="{3590BD82-7E9D-476E-A7C4-F27856A5B862}">
      <dgm:prSet/>
      <dgm:spPr/>
      <dgm:t>
        <a:bodyPr/>
        <a:lstStyle/>
        <a:p>
          <a:endParaRPr lang="en-US"/>
        </a:p>
      </dgm:t>
    </dgm:pt>
    <dgm:pt modelId="{DBE5BD5D-6866-41D5-B9EB-AA2FC24B6E97}">
      <dgm:prSet phldrT="[Text]"/>
      <dgm:spPr/>
      <dgm:t>
        <a:bodyPr/>
        <a:lstStyle/>
        <a:p>
          <a:r>
            <a:rPr lang="en-US" dirty="0"/>
            <a:t>T</a:t>
          </a:r>
        </a:p>
      </dgm:t>
    </dgm:pt>
    <dgm:pt modelId="{5AF5CA0E-A701-45B7-9780-95F158549DAF}" type="parTrans" cxnId="{ABE4D7A4-BE05-41E0-91A3-6C990E528C63}">
      <dgm:prSet/>
      <dgm:spPr/>
      <dgm:t>
        <a:bodyPr/>
        <a:lstStyle/>
        <a:p>
          <a:endParaRPr lang="en-US"/>
        </a:p>
      </dgm:t>
    </dgm:pt>
    <dgm:pt modelId="{F7579079-99D7-426A-9113-FE3EB06BF0F1}" type="sibTrans" cxnId="{ABE4D7A4-BE05-41E0-91A3-6C990E528C63}">
      <dgm:prSet/>
      <dgm:spPr/>
      <dgm:t>
        <a:bodyPr/>
        <a:lstStyle/>
        <a:p>
          <a:endParaRPr lang="en-US"/>
        </a:p>
      </dgm:t>
    </dgm:pt>
    <dgm:pt modelId="{1C31930C-424D-49D0-AF7E-514530369E1D}">
      <dgm:prSet phldrT="[Text]"/>
      <dgm:spPr/>
      <dgm:t>
        <a:bodyPr/>
        <a:lstStyle/>
        <a:p>
          <a:r>
            <a:rPr lang="en-US" dirty="0"/>
            <a:t>Read the word problem</a:t>
          </a:r>
        </a:p>
      </dgm:t>
    </dgm:pt>
    <dgm:pt modelId="{B271C1D2-5F74-4602-B3E0-C22BBF83BB58}" type="parTrans" cxnId="{295BFF69-C70E-4010-93DE-6A598E62F4AC}">
      <dgm:prSet/>
      <dgm:spPr/>
      <dgm:t>
        <a:bodyPr/>
        <a:lstStyle/>
        <a:p>
          <a:endParaRPr lang="en-US"/>
        </a:p>
      </dgm:t>
    </dgm:pt>
    <dgm:pt modelId="{688EF979-DDB6-4C9E-87F2-F7550121EF6E}" type="sibTrans" cxnId="{295BFF69-C70E-4010-93DE-6A598E62F4AC}">
      <dgm:prSet/>
      <dgm:spPr/>
      <dgm:t>
        <a:bodyPr/>
        <a:lstStyle/>
        <a:p>
          <a:endParaRPr lang="en-US"/>
        </a:p>
      </dgm:t>
    </dgm:pt>
    <dgm:pt modelId="{6C18B5F8-2B81-470F-81CF-06080F8819D5}">
      <dgm:prSet/>
      <dgm:spPr/>
      <dgm:t>
        <a:bodyPr/>
        <a:lstStyle/>
        <a:p>
          <a:r>
            <a:rPr lang="en-US" dirty="0"/>
            <a:t>Identify the nouns, numeric values, and unknown variable</a:t>
          </a:r>
        </a:p>
      </dgm:t>
    </dgm:pt>
    <dgm:pt modelId="{42EC0DAC-88AB-4285-8EA7-8DA0FA21361A}" type="parTrans" cxnId="{EF2D9081-15D9-4258-9B91-5776B2CD37F7}">
      <dgm:prSet/>
      <dgm:spPr/>
      <dgm:t>
        <a:bodyPr/>
        <a:lstStyle/>
        <a:p>
          <a:endParaRPr lang="en-US"/>
        </a:p>
      </dgm:t>
    </dgm:pt>
    <dgm:pt modelId="{82E860B9-7C89-4207-B47F-D1EA482D8502}" type="sibTrans" cxnId="{EF2D9081-15D9-4258-9B91-5776B2CD37F7}">
      <dgm:prSet/>
      <dgm:spPr/>
      <dgm:t>
        <a:bodyPr/>
        <a:lstStyle/>
        <a:p>
          <a:endParaRPr lang="en-US"/>
        </a:p>
      </dgm:t>
    </dgm:pt>
    <dgm:pt modelId="{B014C568-FB3F-4AF5-8687-DE3949A54381}">
      <dgm:prSet phldrT="[Text]"/>
      <dgm:spPr/>
      <dgm:t>
        <a:bodyPr/>
        <a:lstStyle/>
        <a:p>
          <a:r>
            <a:rPr lang="en-US" dirty="0"/>
            <a:t>Graph these values in a box diagram</a:t>
          </a:r>
        </a:p>
      </dgm:t>
    </dgm:pt>
    <dgm:pt modelId="{46E04129-571C-45E1-822B-AA38FEB8BC11}" type="parTrans" cxnId="{92755CF1-A7A7-473A-90CA-B7BFCC31FE6E}">
      <dgm:prSet/>
      <dgm:spPr/>
      <dgm:t>
        <a:bodyPr/>
        <a:lstStyle/>
        <a:p>
          <a:endParaRPr lang="en-US"/>
        </a:p>
      </dgm:t>
    </dgm:pt>
    <dgm:pt modelId="{8031EF93-99FF-4EB5-817D-131F8A409B6C}" type="sibTrans" cxnId="{92755CF1-A7A7-473A-90CA-B7BFCC31FE6E}">
      <dgm:prSet/>
      <dgm:spPr/>
      <dgm:t>
        <a:bodyPr/>
        <a:lstStyle/>
        <a:p>
          <a:endParaRPr lang="en-US"/>
        </a:p>
      </dgm:t>
    </dgm:pt>
    <dgm:pt modelId="{A1DF95E9-DCFE-4FF2-BCE2-366EBFA91B01}">
      <dgm:prSet phldrT="[Text]"/>
      <dgm:spPr/>
      <dgm:t>
        <a:bodyPr/>
        <a:lstStyle/>
        <a:p>
          <a:r>
            <a:rPr lang="en-US" dirty="0"/>
            <a:t>Have it done, the appropriate calculation by reasoning through the diagram</a:t>
          </a:r>
        </a:p>
      </dgm:t>
    </dgm:pt>
    <dgm:pt modelId="{32BD47F7-6736-4F36-BDAC-D0CD399F12BE}" type="parTrans" cxnId="{B8452B30-6D5F-429C-B70D-0D36A40420F9}">
      <dgm:prSet/>
      <dgm:spPr/>
      <dgm:t>
        <a:bodyPr/>
        <a:lstStyle/>
        <a:p>
          <a:endParaRPr lang="en-US"/>
        </a:p>
      </dgm:t>
    </dgm:pt>
    <dgm:pt modelId="{3BD18C44-3CF9-4B20-92EC-3EBEDC0E4B4E}" type="sibTrans" cxnId="{B8452B30-6D5F-429C-B70D-0D36A40420F9}">
      <dgm:prSet/>
      <dgm:spPr/>
      <dgm:t>
        <a:bodyPr/>
        <a:lstStyle/>
        <a:p>
          <a:endParaRPr lang="en-US"/>
        </a:p>
      </dgm:t>
    </dgm:pt>
    <dgm:pt modelId="{36A14CB9-026C-4ED9-A203-C4DB6CE3FC19}">
      <dgm:prSet phldrT="[Text]"/>
      <dgm:spPr/>
      <dgm:t>
        <a:bodyPr/>
        <a:lstStyle/>
        <a:p>
          <a:r>
            <a:rPr lang="en-US" dirty="0"/>
            <a:t>Triple check and review their work</a:t>
          </a:r>
        </a:p>
      </dgm:t>
    </dgm:pt>
    <dgm:pt modelId="{6E13B2F7-A563-4640-A0C4-C3A6141EFB43}" type="parTrans" cxnId="{16D06B83-03E2-4537-8699-4DAF489B788B}">
      <dgm:prSet/>
      <dgm:spPr/>
      <dgm:t>
        <a:bodyPr/>
        <a:lstStyle/>
        <a:p>
          <a:endParaRPr lang="en-US"/>
        </a:p>
      </dgm:t>
    </dgm:pt>
    <dgm:pt modelId="{5AD3462F-19AA-4120-8EF8-9B51D2200C88}" type="sibTrans" cxnId="{16D06B83-03E2-4537-8699-4DAF489B788B}">
      <dgm:prSet/>
      <dgm:spPr/>
      <dgm:t>
        <a:bodyPr/>
        <a:lstStyle/>
        <a:p>
          <a:endParaRPr lang="en-US"/>
        </a:p>
      </dgm:t>
    </dgm:pt>
    <dgm:pt modelId="{A71909F1-330E-47B7-9561-7B9CDADC1994}">
      <dgm:prSet phldrT="[Text]"/>
      <dgm:spPr/>
      <dgm:t>
        <a:bodyPr/>
        <a:lstStyle/>
        <a:p>
          <a:r>
            <a:rPr lang="en-US"/>
            <a:t>I</a:t>
          </a:r>
          <a:endParaRPr lang="en-US" dirty="0"/>
        </a:p>
      </dgm:t>
    </dgm:pt>
    <dgm:pt modelId="{9496F07D-A740-409B-A30E-ACFB48F146F2}" type="parTrans" cxnId="{844C0C58-AECD-4F38-9E53-22DB08A22427}">
      <dgm:prSet/>
      <dgm:spPr/>
      <dgm:t>
        <a:bodyPr/>
        <a:lstStyle/>
        <a:p>
          <a:endParaRPr lang="en-US"/>
        </a:p>
      </dgm:t>
    </dgm:pt>
    <dgm:pt modelId="{19322F38-1586-450F-9103-E349B5889E5D}" type="sibTrans" cxnId="{844C0C58-AECD-4F38-9E53-22DB08A22427}">
      <dgm:prSet/>
      <dgm:spPr/>
      <dgm:t>
        <a:bodyPr/>
        <a:lstStyle/>
        <a:p>
          <a:endParaRPr lang="en-US"/>
        </a:p>
      </dgm:t>
    </dgm:pt>
    <dgm:pt modelId="{D9775B63-95B1-4D14-A2A8-2839B06B7136}" type="pres">
      <dgm:prSet presAssocID="{333E9066-E0CC-42EF-9624-CC7ED06CE11F}" presName="linearFlow" presStyleCnt="0">
        <dgm:presLayoutVars>
          <dgm:dir/>
          <dgm:animLvl val="lvl"/>
          <dgm:resizeHandles val="exact"/>
        </dgm:presLayoutVars>
      </dgm:prSet>
      <dgm:spPr/>
    </dgm:pt>
    <dgm:pt modelId="{0FD89298-799D-465D-B8AA-AA1E1A47A804}" type="pres">
      <dgm:prSet presAssocID="{E006F25D-D21A-43E5-A320-72146A4F8C12}" presName="composite" presStyleCnt="0"/>
      <dgm:spPr/>
    </dgm:pt>
    <dgm:pt modelId="{F28F9D66-BBD2-44AB-AC84-506134EFD300}" type="pres">
      <dgm:prSet presAssocID="{E006F25D-D21A-43E5-A320-72146A4F8C12}" presName="parentText" presStyleLbl="alignNode1" presStyleIdx="0" presStyleCnt="5">
        <dgm:presLayoutVars>
          <dgm:chMax val="1"/>
          <dgm:bulletEnabled val="1"/>
        </dgm:presLayoutVars>
      </dgm:prSet>
      <dgm:spPr/>
    </dgm:pt>
    <dgm:pt modelId="{533C836A-81D6-443A-877B-101147B2083F}" type="pres">
      <dgm:prSet presAssocID="{E006F25D-D21A-43E5-A320-72146A4F8C12}" presName="descendantText" presStyleLbl="alignAcc1" presStyleIdx="0" presStyleCnt="5">
        <dgm:presLayoutVars>
          <dgm:bulletEnabled val="1"/>
        </dgm:presLayoutVars>
      </dgm:prSet>
      <dgm:spPr/>
    </dgm:pt>
    <dgm:pt modelId="{8D74A125-452B-432B-B6FB-113A267ABCDA}" type="pres">
      <dgm:prSet presAssocID="{3A6FE02B-E18B-419F-B188-BF9810DDA165}" presName="sp" presStyleCnt="0"/>
      <dgm:spPr/>
    </dgm:pt>
    <dgm:pt modelId="{D4FA2DF5-6571-4975-B968-B8D666585C97}" type="pres">
      <dgm:prSet presAssocID="{A71909F1-330E-47B7-9561-7B9CDADC1994}" presName="composite" presStyleCnt="0"/>
      <dgm:spPr/>
    </dgm:pt>
    <dgm:pt modelId="{E9A118D1-6E32-4178-ACD7-95B564606716}" type="pres">
      <dgm:prSet presAssocID="{A71909F1-330E-47B7-9561-7B9CDADC1994}" presName="parentText" presStyleLbl="alignNode1" presStyleIdx="1" presStyleCnt="5">
        <dgm:presLayoutVars>
          <dgm:chMax val="1"/>
          <dgm:bulletEnabled val="1"/>
        </dgm:presLayoutVars>
      </dgm:prSet>
      <dgm:spPr/>
    </dgm:pt>
    <dgm:pt modelId="{D45C9EA8-A77C-4CE6-A8A1-BED18E476520}" type="pres">
      <dgm:prSet presAssocID="{A71909F1-330E-47B7-9561-7B9CDADC1994}" presName="descendantText" presStyleLbl="alignAcc1" presStyleIdx="1" presStyleCnt="5">
        <dgm:presLayoutVars>
          <dgm:bulletEnabled val="1"/>
        </dgm:presLayoutVars>
      </dgm:prSet>
      <dgm:spPr/>
    </dgm:pt>
    <dgm:pt modelId="{5A9D6833-DE2D-4C77-8846-4011D68A051A}" type="pres">
      <dgm:prSet presAssocID="{19322F38-1586-450F-9103-E349B5889E5D}" presName="sp" presStyleCnt="0"/>
      <dgm:spPr/>
    </dgm:pt>
    <dgm:pt modelId="{961A04C1-60B9-4677-8789-07B0AF417664}" type="pres">
      <dgm:prSet presAssocID="{904A3F5F-FB35-46D9-A5A1-1548FBCBDB66}" presName="composite" presStyleCnt="0"/>
      <dgm:spPr/>
    </dgm:pt>
    <dgm:pt modelId="{4B80C910-D253-4095-B452-BD97F79FECF2}" type="pres">
      <dgm:prSet presAssocID="{904A3F5F-FB35-46D9-A5A1-1548FBCBDB66}" presName="parentText" presStyleLbl="alignNode1" presStyleIdx="2" presStyleCnt="5">
        <dgm:presLayoutVars>
          <dgm:chMax val="1"/>
          <dgm:bulletEnabled val="1"/>
        </dgm:presLayoutVars>
      </dgm:prSet>
      <dgm:spPr/>
    </dgm:pt>
    <dgm:pt modelId="{7857B590-8ADF-43F6-90FB-0397F8702D28}" type="pres">
      <dgm:prSet presAssocID="{904A3F5F-FB35-46D9-A5A1-1548FBCBDB66}" presName="descendantText" presStyleLbl="alignAcc1" presStyleIdx="2" presStyleCnt="5">
        <dgm:presLayoutVars>
          <dgm:bulletEnabled val="1"/>
        </dgm:presLayoutVars>
      </dgm:prSet>
      <dgm:spPr/>
    </dgm:pt>
    <dgm:pt modelId="{3046180F-24A1-40FF-9C0A-3A05EFEB87C1}" type="pres">
      <dgm:prSet presAssocID="{D8913DC0-96A2-4EA5-8A8A-5644C27A8E4B}" presName="sp" presStyleCnt="0"/>
      <dgm:spPr/>
    </dgm:pt>
    <dgm:pt modelId="{A5978742-8E31-40BC-859C-0C4176D8A70A}" type="pres">
      <dgm:prSet presAssocID="{8817764F-3CED-424B-908C-7AE213F28F54}" presName="composite" presStyleCnt="0"/>
      <dgm:spPr/>
    </dgm:pt>
    <dgm:pt modelId="{699EF918-B1FA-4CC4-94E3-4EC85AC9D061}" type="pres">
      <dgm:prSet presAssocID="{8817764F-3CED-424B-908C-7AE213F28F54}" presName="parentText" presStyleLbl="alignNode1" presStyleIdx="3" presStyleCnt="5">
        <dgm:presLayoutVars>
          <dgm:chMax val="1"/>
          <dgm:bulletEnabled val="1"/>
        </dgm:presLayoutVars>
      </dgm:prSet>
      <dgm:spPr/>
    </dgm:pt>
    <dgm:pt modelId="{6D35463C-DC39-4D66-8CFF-C2F8C00625F8}" type="pres">
      <dgm:prSet presAssocID="{8817764F-3CED-424B-908C-7AE213F28F54}" presName="descendantText" presStyleLbl="alignAcc1" presStyleIdx="3" presStyleCnt="5">
        <dgm:presLayoutVars>
          <dgm:bulletEnabled val="1"/>
        </dgm:presLayoutVars>
      </dgm:prSet>
      <dgm:spPr/>
    </dgm:pt>
    <dgm:pt modelId="{3C0750E5-72BC-43A5-AADA-F0043E976208}" type="pres">
      <dgm:prSet presAssocID="{7033E0F7-2B4D-4565-A39B-AEA086498973}" presName="sp" presStyleCnt="0"/>
      <dgm:spPr/>
    </dgm:pt>
    <dgm:pt modelId="{64A8B44E-E080-4634-9B36-E0BB479274C0}" type="pres">
      <dgm:prSet presAssocID="{DBE5BD5D-6866-41D5-B9EB-AA2FC24B6E97}" presName="composite" presStyleCnt="0"/>
      <dgm:spPr/>
    </dgm:pt>
    <dgm:pt modelId="{9538292C-2DC9-4BB5-8E7F-9081274A074B}" type="pres">
      <dgm:prSet presAssocID="{DBE5BD5D-6866-41D5-B9EB-AA2FC24B6E97}" presName="parentText" presStyleLbl="alignNode1" presStyleIdx="4" presStyleCnt="5">
        <dgm:presLayoutVars>
          <dgm:chMax val="1"/>
          <dgm:bulletEnabled val="1"/>
        </dgm:presLayoutVars>
      </dgm:prSet>
      <dgm:spPr/>
    </dgm:pt>
    <dgm:pt modelId="{9B08CA03-76D8-4183-A78D-31B7F8B912A9}" type="pres">
      <dgm:prSet presAssocID="{DBE5BD5D-6866-41D5-B9EB-AA2FC24B6E97}" presName="descendantText" presStyleLbl="alignAcc1" presStyleIdx="4" presStyleCnt="5">
        <dgm:presLayoutVars>
          <dgm:bulletEnabled val="1"/>
        </dgm:presLayoutVars>
      </dgm:prSet>
      <dgm:spPr/>
    </dgm:pt>
  </dgm:ptLst>
  <dgm:cxnLst>
    <dgm:cxn modelId="{844C0C58-AECD-4F38-9E53-22DB08A22427}" srcId="{333E9066-E0CC-42EF-9624-CC7ED06CE11F}" destId="{A71909F1-330E-47B7-9561-7B9CDADC1994}" srcOrd="1" destOrd="0" parTransId="{9496F07D-A740-409B-A30E-ACFB48F146F2}" sibTransId="{19322F38-1586-450F-9103-E349B5889E5D}"/>
    <dgm:cxn modelId="{EF2D9081-15D9-4258-9B91-5776B2CD37F7}" srcId="{A71909F1-330E-47B7-9561-7B9CDADC1994}" destId="{6C18B5F8-2B81-470F-81CF-06080F8819D5}" srcOrd="0" destOrd="0" parTransId="{42EC0DAC-88AB-4285-8EA7-8DA0FA21361A}" sibTransId="{82E860B9-7C89-4207-B47F-D1EA482D8502}"/>
    <dgm:cxn modelId="{92755CF1-A7A7-473A-90CA-B7BFCC31FE6E}" srcId="{904A3F5F-FB35-46D9-A5A1-1548FBCBDB66}" destId="{B014C568-FB3F-4AF5-8687-DE3949A54381}" srcOrd="0" destOrd="0" parTransId="{46E04129-571C-45E1-822B-AA38FEB8BC11}" sibTransId="{8031EF93-99FF-4EB5-817D-131F8A409B6C}"/>
    <dgm:cxn modelId="{4403AE44-CF8E-49F8-857E-9909304C74AD}" type="presOf" srcId="{A71909F1-330E-47B7-9561-7B9CDADC1994}" destId="{E9A118D1-6E32-4178-ACD7-95B564606716}" srcOrd="0" destOrd="0" presId="urn:microsoft.com/office/officeart/2005/8/layout/chevron2"/>
    <dgm:cxn modelId="{23E83165-E22E-42BB-8F9A-E9C79A413634}" type="presOf" srcId="{333E9066-E0CC-42EF-9624-CC7ED06CE11F}" destId="{D9775B63-95B1-4D14-A2A8-2839B06B7136}" srcOrd="0" destOrd="0" presId="urn:microsoft.com/office/officeart/2005/8/layout/chevron2"/>
    <dgm:cxn modelId="{ABE4D7A4-BE05-41E0-91A3-6C990E528C63}" srcId="{333E9066-E0CC-42EF-9624-CC7ED06CE11F}" destId="{DBE5BD5D-6866-41D5-B9EB-AA2FC24B6E97}" srcOrd="4" destOrd="0" parTransId="{5AF5CA0E-A701-45B7-9780-95F158549DAF}" sibTransId="{F7579079-99D7-426A-9113-FE3EB06BF0F1}"/>
    <dgm:cxn modelId="{366913BD-D3FD-43C2-A3CD-85CF5FAA697B}" type="presOf" srcId="{8817764F-3CED-424B-908C-7AE213F28F54}" destId="{699EF918-B1FA-4CC4-94E3-4EC85AC9D061}" srcOrd="0" destOrd="0" presId="urn:microsoft.com/office/officeart/2005/8/layout/chevron2"/>
    <dgm:cxn modelId="{B8452B30-6D5F-429C-B70D-0D36A40420F9}" srcId="{8817764F-3CED-424B-908C-7AE213F28F54}" destId="{A1DF95E9-DCFE-4FF2-BCE2-366EBFA91B01}" srcOrd="0" destOrd="0" parTransId="{32BD47F7-6736-4F36-BDAC-D0CD399F12BE}" sibTransId="{3BD18C44-3CF9-4B20-92EC-3EBEDC0E4B4E}"/>
    <dgm:cxn modelId="{AA9D940A-1AD7-4CC2-AA91-BD87A5F15857}" srcId="{333E9066-E0CC-42EF-9624-CC7ED06CE11F}" destId="{E006F25D-D21A-43E5-A320-72146A4F8C12}" srcOrd="0" destOrd="0" parTransId="{1B0349EB-DDF6-4B1D-97DF-0EFF939B1F82}" sibTransId="{3A6FE02B-E18B-419F-B188-BF9810DDA165}"/>
    <dgm:cxn modelId="{ABDC6795-0298-4774-8AF4-12DFB982C229}" type="presOf" srcId="{904A3F5F-FB35-46D9-A5A1-1548FBCBDB66}" destId="{4B80C910-D253-4095-B452-BD97F79FECF2}" srcOrd="0" destOrd="0" presId="urn:microsoft.com/office/officeart/2005/8/layout/chevron2"/>
    <dgm:cxn modelId="{16D06B83-03E2-4537-8699-4DAF489B788B}" srcId="{DBE5BD5D-6866-41D5-B9EB-AA2FC24B6E97}" destId="{36A14CB9-026C-4ED9-A203-C4DB6CE3FC19}" srcOrd="0" destOrd="0" parTransId="{6E13B2F7-A563-4640-A0C4-C3A6141EFB43}" sibTransId="{5AD3462F-19AA-4120-8EF8-9B51D2200C88}"/>
    <dgm:cxn modelId="{966737B8-3952-4C37-88F4-253BEC0D9791}" type="presOf" srcId="{A1DF95E9-DCFE-4FF2-BCE2-366EBFA91B01}" destId="{6D35463C-DC39-4D66-8CFF-C2F8C00625F8}" srcOrd="0" destOrd="0" presId="urn:microsoft.com/office/officeart/2005/8/layout/chevron2"/>
    <dgm:cxn modelId="{295BFF69-C70E-4010-93DE-6A598E62F4AC}" srcId="{E006F25D-D21A-43E5-A320-72146A4F8C12}" destId="{1C31930C-424D-49D0-AF7E-514530369E1D}" srcOrd="0" destOrd="0" parTransId="{B271C1D2-5F74-4602-B3E0-C22BBF83BB58}" sibTransId="{688EF979-DDB6-4C9E-87F2-F7550121EF6E}"/>
    <dgm:cxn modelId="{999F621D-EEA2-4E5A-88C1-275B193BE131}" type="presOf" srcId="{DBE5BD5D-6866-41D5-B9EB-AA2FC24B6E97}" destId="{9538292C-2DC9-4BB5-8E7F-9081274A074B}" srcOrd="0" destOrd="0" presId="urn:microsoft.com/office/officeart/2005/8/layout/chevron2"/>
    <dgm:cxn modelId="{5A8B008C-2E72-449B-9086-F1260578F3CA}" type="presOf" srcId="{1C31930C-424D-49D0-AF7E-514530369E1D}" destId="{533C836A-81D6-443A-877B-101147B2083F}" srcOrd="0" destOrd="0" presId="urn:microsoft.com/office/officeart/2005/8/layout/chevron2"/>
    <dgm:cxn modelId="{D7928686-CF60-4700-9445-DD45D9E12E2F}" type="presOf" srcId="{B014C568-FB3F-4AF5-8687-DE3949A54381}" destId="{7857B590-8ADF-43F6-90FB-0397F8702D28}" srcOrd="0" destOrd="0" presId="urn:microsoft.com/office/officeart/2005/8/layout/chevron2"/>
    <dgm:cxn modelId="{9C0290D9-6268-4A71-9C57-1B96F9F8A682}" type="presOf" srcId="{6C18B5F8-2B81-470F-81CF-06080F8819D5}" destId="{D45C9EA8-A77C-4CE6-A8A1-BED18E476520}" srcOrd="0" destOrd="0" presId="urn:microsoft.com/office/officeart/2005/8/layout/chevron2"/>
    <dgm:cxn modelId="{770633C1-8C1A-4A3E-B3E9-9ED2A9566B3C}" type="presOf" srcId="{E006F25D-D21A-43E5-A320-72146A4F8C12}" destId="{F28F9D66-BBD2-44AB-AC84-506134EFD300}" srcOrd="0" destOrd="0" presId="urn:microsoft.com/office/officeart/2005/8/layout/chevron2"/>
    <dgm:cxn modelId="{3590BD82-7E9D-476E-A7C4-F27856A5B862}" srcId="{333E9066-E0CC-42EF-9624-CC7ED06CE11F}" destId="{8817764F-3CED-424B-908C-7AE213F28F54}" srcOrd="3" destOrd="0" parTransId="{99EFFE41-A91A-4D7F-A919-026018D91AD9}" sibTransId="{7033E0F7-2B4D-4565-A39B-AEA086498973}"/>
    <dgm:cxn modelId="{2A412969-9B95-466E-ADA8-F85036BAB79F}" type="presOf" srcId="{36A14CB9-026C-4ED9-A203-C4DB6CE3FC19}" destId="{9B08CA03-76D8-4183-A78D-31B7F8B912A9}" srcOrd="0" destOrd="0" presId="urn:microsoft.com/office/officeart/2005/8/layout/chevron2"/>
    <dgm:cxn modelId="{754C81F4-10E2-49C4-AC6D-5C03D9E62F0C}" srcId="{333E9066-E0CC-42EF-9624-CC7ED06CE11F}" destId="{904A3F5F-FB35-46D9-A5A1-1548FBCBDB66}" srcOrd="2" destOrd="0" parTransId="{1B3ACDCD-4520-4F6A-8A72-9D9EB44799BC}" sibTransId="{D8913DC0-96A2-4EA5-8A8A-5644C27A8E4B}"/>
    <dgm:cxn modelId="{1B56B0A8-93F8-4275-B595-B7219006B7B7}" type="presParOf" srcId="{D9775B63-95B1-4D14-A2A8-2839B06B7136}" destId="{0FD89298-799D-465D-B8AA-AA1E1A47A804}" srcOrd="0" destOrd="0" presId="urn:microsoft.com/office/officeart/2005/8/layout/chevron2"/>
    <dgm:cxn modelId="{6477D406-8053-4652-97DB-016A88A9C89E}" type="presParOf" srcId="{0FD89298-799D-465D-B8AA-AA1E1A47A804}" destId="{F28F9D66-BBD2-44AB-AC84-506134EFD300}" srcOrd="0" destOrd="0" presId="urn:microsoft.com/office/officeart/2005/8/layout/chevron2"/>
    <dgm:cxn modelId="{5993E7A6-E5CB-4A68-BF79-155BADC9DD5B}" type="presParOf" srcId="{0FD89298-799D-465D-B8AA-AA1E1A47A804}" destId="{533C836A-81D6-443A-877B-101147B2083F}" srcOrd="1" destOrd="0" presId="urn:microsoft.com/office/officeart/2005/8/layout/chevron2"/>
    <dgm:cxn modelId="{EF6EF21B-A8EE-4191-98DF-B74EA8C59C50}" type="presParOf" srcId="{D9775B63-95B1-4D14-A2A8-2839B06B7136}" destId="{8D74A125-452B-432B-B6FB-113A267ABCDA}" srcOrd="1" destOrd="0" presId="urn:microsoft.com/office/officeart/2005/8/layout/chevron2"/>
    <dgm:cxn modelId="{10D0A009-07D1-4B6F-AC2F-9CE043EA3F26}" type="presParOf" srcId="{D9775B63-95B1-4D14-A2A8-2839B06B7136}" destId="{D4FA2DF5-6571-4975-B968-B8D666585C97}" srcOrd="2" destOrd="0" presId="urn:microsoft.com/office/officeart/2005/8/layout/chevron2"/>
    <dgm:cxn modelId="{019883E3-2DF5-4908-9F39-91484D314D10}" type="presParOf" srcId="{D4FA2DF5-6571-4975-B968-B8D666585C97}" destId="{E9A118D1-6E32-4178-ACD7-95B564606716}" srcOrd="0" destOrd="0" presId="urn:microsoft.com/office/officeart/2005/8/layout/chevron2"/>
    <dgm:cxn modelId="{F2170C21-EA3A-4511-A663-611D3813891D}" type="presParOf" srcId="{D4FA2DF5-6571-4975-B968-B8D666585C97}" destId="{D45C9EA8-A77C-4CE6-A8A1-BED18E476520}" srcOrd="1" destOrd="0" presId="urn:microsoft.com/office/officeart/2005/8/layout/chevron2"/>
    <dgm:cxn modelId="{38073697-A81C-4C7E-B163-B11B3B983E46}" type="presParOf" srcId="{D9775B63-95B1-4D14-A2A8-2839B06B7136}" destId="{5A9D6833-DE2D-4C77-8846-4011D68A051A}" srcOrd="3" destOrd="0" presId="urn:microsoft.com/office/officeart/2005/8/layout/chevron2"/>
    <dgm:cxn modelId="{BCD41AE8-C330-4426-96DC-EC0BC5B16EF0}" type="presParOf" srcId="{D9775B63-95B1-4D14-A2A8-2839B06B7136}" destId="{961A04C1-60B9-4677-8789-07B0AF417664}" srcOrd="4" destOrd="0" presId="urn:microsoft.com/office/officeart/2005/8/layout/chevron2"/>
    <dgm:cxn modelId="{A78695F7-DF46-484D-862B-3A10EF0A69E2}" type="presParOf" srcId="{961A04C1-60B9-4677-8789-07B0AF417664}" destId="{4B80C910-D253-4095-B452-BD97F79FECF2}" srcOrd="0" destOrd="0" presId="urn:microsoft.com/office/officeart/2005/8/layout/chevron2"/>
    <dgm:cxn modelId="{CD653CE4-90BA-466F-97D7-7E09DC520825}" type="presParOf" srcId="{961A04C1-60B9-4677-8789-07B0AF417664}" destId="{7857B590-8ADF-43F6-90FB-0397F8702D28}" srcOrd="1" destOrd="0" presId="urn:microsoft.com/office/officeart/2005/8/layout/chevron2"/>
    <dgm:cxn modelId="{DEC0AFC0-BBE0-4F64-81D9-BB917A857808}" type="presParOf" srcId="{D9775B63-95B1-4D14-A2A8-2839B06B7136}" destId="{3046180F-24A1-40FF-9C0A-3A05EFEB87C1}" srcOrd="5" destOrd="0" presId="urn:microsoft.com/office/officeart/2005/8/layout/chevron2"/>
    <dgm:cxn modelId="{92163306-A1B0-40B8-A5FF-2AF3DB01F668}" type="presParOf" srcId="{D9775B63-95B1-4D14-A2A8-2839B06B7136}" destId="{A5978742-8E31-40BC-859C-0C4176D8A70A}" srcOrd="6" destOrd="0" presId="urn:microsoft.com/office/officeart/2005/8/layout/chevron2"/>
    <dgm:cxn modelId="{97BCA8EB-7B65-4F36-8BD7-8B0EAF1F5710}" type="presParOf" srcId="{A5978742-8E31-40BC-859C-0C4176D8A70A}" destId="{699EF918-B1FA-4CC4-94E3-4EC85AC9D061}" srcOrd="0" destOrd="0" presId="urn:microsoft.com/office/officeart/2005/8/layout/chevron2"/>
    <dgm:cxn modelId="{8708DE80-A9EB-4C3D-A753-B54880D3587C}" type="presParOf" srcId="{A5978742-8E31-40BC-859C-0C4176D8A70A}" destId="{6D35463C-DC39-4D66-8CFF-C2F8C00625F8}" srcOrd="1" destOrd="0" presId="urn:microsoft.com/office/officeart/2005/8/layout/chevron2"/>
    <dgm:cxn modelId="{98D2A2D8-25C3-41C8-A9E0-353FDFFF4F65}" type="presParOf" srcId="{D9775B63-95B1-4D14-A2A8-2839B06B7136}" destId="{3C0750E5-72BC-43A5-AADA-F0043E976208}" srcOrd="7" destOrd="0" presId="urn:microsoft.com/office/officeart/2005/8/layout/chevron2"/>
    <dgm:cxn modelId="{0AB883EB-6644-45D4-A491-E603F498DDB1}" type="presParOf" srcId="{D9775B63-95B1-4D14-A2A8-2839B06B7136}" destId="{64A8B44E-E080-4634-9B36-E0BB479274C0}" srcOrd="8" destOrd="0" presId="urn:microsoft.com/office/officeart/2005/8/layout/chevron2"/>
    <dgm:cxn modelId="{4B97E2B5-3437-4EDD-908B-282AFA7A0C82}" type="presParOf" srcId="{64A8B44E-E080-4634-9B36-E0BB479274C0}" destId="{9538292C-2DC9-4BB5-8E7F-9081274A074B}" srcOrd="0" destOrd="0" presId="urn:microsoft.com/office/officeart/2005/8/layout/chevron2"/>
    <dgm:cxn modelId="{802A762C-0803-4626-B264-3E20B042B946}" type="presParOf" srcId="{64A8B44E-E080-4634-9B36-E0BB479274C0}" destId="{9B08CA03-76D8-4183-A78D-31B7F8B912A9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96DC88B5-2618-400E-A49B-172BB405921B}" type="doc">
      <dgm:prSet loTypeId="urn:microsoft.com/office/officeart/2008/layout/AlternatingHexagons" loCatId="list" qsTypeId="urn:microsoft.com/office/officeart/2005/8/quickstyle/simple1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9268F131-967A-4775-B8B0-8CC43DCA0542}">
      <dgm:prSet phldrT="[Text]" custT="1"/>
      <dgm:spPr/>
      <dgm:t>
        <a:bodyPr/>
        <a:lstStyle/>
        <a:p>
          <a:r>
            <a:rPr lang="en-US" sz="2000" dirty="0"/>
            <a:t>Schema</a:t>
          </a:r>
          <a:r>
            <a:rPr lang="en-US" sz="2000" baseline="30000" dirty="0"/>
            <a:t>2</a:t>
          </a:r>
          <a:endParaRPr lang="en-US" sz="2000" dirty="0"/>
        </a:p>
      </dgm:t>
    </dgm:pt>
    <dgm:pt modelId="{F6EB1325-12C1-462A-A6D9-1699A3DDFC01}" type="parTrans" cxnId="{2BB492FF-130E-4436-931B-658BD49BEBDE}">
      <dgm:prSet/>
      <dgm:spPr/>
      <dgm:t>
        <a:bodyPr/>
        <a:lstStyle/>
        <a:p>
          <a:endParaRPr lang="en-US" sz="2800"/>
        </a:p>
      </dgm:t>
    </dgm:pt>
    <dgm:pt modelId="{16105B1A-BD24-40B7-80AD-049FAA3E7427}" type="sibTrans" cxnId="{2BB492FF-130E-4436-931B-658BD49BEBDE}">
      <dgm:prSet custT="1"/>
      <dgm:spPr/>
      <dgm:t>
        <a:bodyPr/>
        <a:lstStyle/>
        <a:p>
          <a:endParaRPr lang="en-US" sz="4800"/>
        </a:p>
      </dgm:t>
    </dgm:pt>
    <dgm:pt modelId="{BC4C092F-4653-450C-A5EC-7B7A746C12C2}">
      <dgm:prSet phldrT="[Text]" custT="1"/>
      <dgm:spPr/>
      <dgm:t>
        <a:bodyPr/>
        <a:lstStyle/>
        <a:p>
          <a:r>
            <a:rPr lang="en-US" sz="2000" dirty="0"/>
            <a:t>Script</a:t>
          </a:r>
          <a:r>
            <a:rPr lang="en-US" sz="2000" baseline="30000" dirty="0"/>
            <a:t>1</a:t>
          </a:r>
          <a:endParaRPr lang="en-US" sz="2000" dirty="0"/>
        </a:p>
      </dgm:t>
    </dgm:pt>
    <dgm:pt modelId="{08BDB767-9F2C-43D7-A983-69D64CF6E072}" type="parTrans" cxnId="{C46A6CD8-B224-4149-875F-07DDE1580109}">
      <dgm:prSet/>
      <dgm:spPr/>
      <dgm:t>
        <a:bodyPr/>
        <a:lstStyle/>
        <a:p>
          <a:endParaRPr lang="en-US" sz="2800"/>
        </a:p>
      </dgm:t>
    </dgm:pt>
    <dgm:pt modelId="{B89996A1-FF83-40BC-848F-DA0E77BD2864}" type="sibTrans" cxnId="{C46A6CD8-B224-4149-875F-07DDE1580109}">
      <dgm:prSet custT="1"/>
      <dgm:spPr/>
      <dgm:t>
        <a:bodyPr/>
        <a:lstStyle/>
        <a:p>
          <a:endParaRPr lang="en-US" sz="4800"/>
        </a:p>
      </dgm:t>
    </dgm:pt>
    <dgm:pt modelId="{861A7845-C3FA-4FEB-9A45-BA2D23E8D21F}">
      <dgm:prSet phldrT="[Text]" custT="1"/>
      <dgm:spPr/>
      <dgm:t>
        <a:bodyPr/>
        <a:lstStyle/>
        <a:p>
          <a:r>
            <a:rPr lang="en-US" sz="2000" dirty="0">
              <a:solidFill>
                <a:schemeClr val="bg1">
                  <a:lumMod val="75000"/>
                </a:schemeClr>
              </a:solidFill>
            </a:rPr>
            <a:t>A collection of discrete actions, followed to achieve a goal or specific outcome</a:t>
          </a:r>
        </a:p>
      </dgm:t>
    </dgm:pt>
    <dgm:pt modelId="{6DE2744F-877C-4E86-8AD4-A06040C628D8}" type="parTrans" cxnId="{481A5B06-70C0-453D-8856-8C5F615C0ABC}">
      <dgm:prSet/>
      <dgm:spPr/>
      <dgm:t>
        <a:bodyPr/>
        <a:lstStyle/>
        <a:p>
          <a:endParaRPr lang="en-US" sz="2800"/>
        </a:p>
      </dgm:t>
    </dgm:pt>
    <dgm:pt modelId="{22104089-7420-4C7B-94FC-5777DCD1FD23}" type="sibTrans" cxnId="{481A5B06-70C0-453D-8856-8C5F615C0ABC}">
      <dgm:prSet/>
      <dgm:spPr/>
      <dgm:t>
        <a:bodyPr/>
        <a:lstStyle/>
        <a:p>
          <a:endParaRPr lang="en-US" sz="2800"/>
        </a:p>
      </dgm:t>
    </dgm:pt>
    <dgm:pt modelId="{C5A6EA03-BD1D-4CA3-BC9C-FE69C95F9601}">
      <dgm:prSet phldrT="[Text]" custT="1"/>
      <dgm:spPr/>
      <dgm:t>
        <a:bodyPr/>
        <a:lstStyle/>
        <a:p>
          <a:r>
            <a:rPr lang="en-US" sz="2000" dirty="0">
              <a:solidFill>
                <a:schemeClr val="bg1">
                  <a:lumMod val="75000"/>
                </a:schemeClr>
              </a:solidFill>
            </a:rPr>
            <a:t>A consolidation of known methods to achieve a general goal</a:t>
          </a:r>
        </a:p>
      </dgm:t>
    </dgm:pt>
    <dgm:pt modelId="{6273D0AF-1654-4652-8C1A-B8179EB8938F}" type="parTrans" cxnId="{FCCB9421-42ED-4642-B2F6-D0277FD6222F}">
      <dgm:prSet/>
      <dgm:spPr/>
      <dgm:t>
        <a:bodyPr/>
        <a:lstStyle/>
        <a:p>
          <a:endParaRPr lang="en-US" sz="2800"/>
        </a:p>
      </dgm:t>
    </dgm:pt>
    <dgm:pt modelId="{91E525B5-1B6F-44B7-A813-E7B80029B40E}" type="sibTrans" cxnId="{FCCB9421-42ED-4642-B2F6-D0277FD6222F}">
      <dgm:prSet/>
      <dgm:spPr/>
      <dgm:t>
        <a:bodyPr/>
        <a:lstStyle/>
        <a:p>
          <a:endParaRPr lang="en-US" sz="2800"/>
        </a:p>
      </dgm:t>
    </dgm:pt>
    <dgm:pt modelId="{7D7D7F06-54FF-474C-82A5-4B6651F22145}">
      <dgm:prSet phldrT="[Text]" custT="1"/>
      <dgm:spPr/>
      <dgm:t>
        <a:bodyPr/>
        <a:lstStyle/>
        <a:p>
          <a:r>
            <a:rPr lang="en-US" sz="2000" dirty="0">
              <a:solidFill>
                <a:schemeClr val="bg1">
                  <a:lumMod val="75000"/>
                </a:schemeClr>
              </a:solidFill>
            </a:rPr>
            <a:t>Ordering food at a restaurant</a:t>
          </a:r>
        </a:p>
      </dgm:t>
    </dgm:pt>
    <dgm:pt modelId="{9F65F3D3-E2BB-442E-9DF6-A7B17EFF8B8D}" type="parTrans" cxnId="{8ED671D4-B078-4099-AE0C-6E670A68C233}">
      <dgm:prSet/>
      <dgm:spPr/>
      <dgm:t>
        <a:bodyPr/>
        <a:lstStyle/>
        <a:p>
          <a:endParaRPr lang="en-US" sz="2800"/>
        </a:p>
      </dgm:t>
    </dgm:pt>
    <dgm:pt modelId="{66DB21E3-F135-4882-8650-C95405B75B31}" type="sibTrans" cxnId="{8ED671D4-B078-4099-AE0C-6E670A68C233}">
      <dgm:prSet/>
      <dgm:spPr/>
      <dgm:t>
        <a:bodyPr/>
        <a:lstStyle/>
        <a:p>
          <a:endParaRPr lang="en-US" sz="2800"/>
        </a:p>
      </dgm:t>
    </dgm:pt>
    <dgm:pt modelId="{6B04B592-BF0B-47CB-B236-10932FE46FF5}">
      <dgm:prSet phldrT="[Text]" custT="1"/>
      <dgm:spPr/>
      <dgm:t>
        <a:bodyPr/>
        <a:lstStyle/>
        <a:p>
          <a:r>
            <a:rPr lang="en-US" sz="2000" dirty="0">
              <a:solidFill>
                <a:schemeClr val="bg1">
                  <a:lumMod val="75000"/>
                </a:schemeClr>
              </a:solidFill>
            </a:rPr>
            <a:t>Methods to obtain meals (ordering food, cooking </a:t>
          </a:r>
          <a:r>
            <a:rPr lang="en-US" sz="2000" dirty="0" err="1">
              <a:solidFill>
                <a:schemeClr val="bg1">
                  <a:lumMod val="75000"/>
                </a:schemeClr>
              </a:solidFill>
            </a:rPr>
            <a:t>etc</a:t>
          </a:r>
          <a:r>
            <a:rPr lang="en-US" sz="2000" dirty="0">
              <a:solidFill>
                <a:schemeClr val="bg1">
                  <a:lumMod val="75000"/>
                </a:schemeClr>
              </a:solidFill>
            </a:rPr>
            <a:t>)</a:t>
          </a:r>
        </a:p>
      </dgm:t>
    </dgm:pt>
    <dgm:pt modelId="{72767B9F-2CDE-4949-B322-147597152522}" type="parTrans" cxnId="{12B8B3CB-3899-4624-B513-B2AE567FA0D5}">
      <dgm:prSet/>
      <dgm:spPr/>
      <dgm:t>
        <a:bodyPr/>
        <a:lstStyle/>
        <a:p>
          <a:endParaRPr lang="en-US" sz="2800"/>
        </a:p>
      </dgm:t>
    </dgm:pt>
    <dgm:pt modelId="{5E23E74B-7615-40AA-ABE8-C45EFF5EC48C}" type="sibTrans" cxnId="{12B8B3CB-3899-4624-B513-B2AE567FA0D5}">
      <dgm:prSet/>
      <dgm:spPr/>
      <dgm:t>
        <a:bodyPr/>
        <a:lstStyle/>
        <a:p>
          <a:endParaRPr lang="en-US" sz="2800"/>
        </a:p>
      </dgm:t>
    </dgm:pt>
    <dgm:pt modelId="{C3A90D73-EBE3-4C50-9B54-FFCFFBF900AA}" type="pres">
      <dgm:prSet presAssocID="{96DC88B5-2618-400E-A49B-172BB405921B}" presName="Name0" presStyleCnt="0">
        <dgm:presLayoutVars>
          <dgm:chMax/>
          <dgm:chPref/>
          <dgm:dir/>
          <dgm:animLvl val="lvl"/>
        </dgm:presLayoutVars>
      </dgm:prSet>
      <dgm:spPr/>
    </dgm:pt>
    <dgm:pt modelId="{81384F21-A434-44C2-B9B7-AAA121B77913}" type="pres">
      <dgm:prSet presAssocID="{BC4C092F-4653-450C-A5EC-7B7A746C12C2}" presName="composite" presStyleCnt="0"/>
      <dgm:spPr/>
    </dgm:pt>
    <dgm:pt modelId="{60B72761-3C52-4E6E-BB72-BCD30A759C17}" type="pres">
      <dgm:prSet presAssocID="{BC4C092F-4653-450C-A5EC-7B7A746C12C2}" presName="Parent1" presStyleLbl="node1" presStyleIdx="0" presStyleCnt="4" custLinFactNeighborX="17623" custLinFactNeighborY="-1372">
        <dgm:presLayoutVars>
          <dgm:chMax val="1"/>
          <dgm:chPref val="1"/>
          <dgm:bulletEnabled val="1"/>
        </dgm:presLayoutVars>
      </dgm:prSet>
      <dgm:spPr/>
    </dgm:pt>
    <dgm:pt modelId="{9F3F2372-4D71-4AEB-9CF7-D248EEE45FA1}" type="pres">
      <dgm:prSet presAssocID="{BC4C092F-4653-450C-A5EC-7B7A746C12C2}" presName="Childtext1" presStyleLbl="revTx" presStyleIdx="0" presStyleCnt="2" custScaleX="157039" custLinFactNeighborX="39504" custLinFactNeighborY="734">
        <dgm:presLayoutVars>
          <dgm:chMax val="0"/>
          <dgm:chPref val="0"/>
          <dgm:bulletEnabled val="1"/>
        </dgm:presLayoutVars>
      </dgm:prSet>
      <dgm:spPr/>
    </dgm:pt>
    <dgm:pt modelId="{BC41D035-84E4-42E1-9CF4-373A500AD529}" type="pres">
      <dgm:prSet presAssocID="{BC4C092F-4653-450C-A5EC-7B7A746C12C2}" presName="BalanceSpacing" presStyleCnt="0"/>
      <dgm:spPr/>
    </dgm:pt>
    <dgm:pt modelId="{5DB7E6CF-749C-4C4D-A53C-C12B8A1AABAB}" type="pres">
      <dgm:prSet presAssocID="{BC4C092F-4653-450C-A5EC-7B7A746C12C2}" presName="BalanceSpacing1" presStyleCnt="0"/>
      <dgm:spPr/>
    </dgm:pt>
    <dgm:pt modelId="{43300D12-940F-4431-8776-8097C5339D32}" type="pres">
      <dgm:prSet presAssocID="{B89996A1-FF83-40BC-848F-DA0E77BD2864}" presName="Accent1Text" presStyleLbl="node1" presStyleIdx="1" presStyleCnt="4" custLinFactNeighborX="18971" custLinFactNeighborY="193"/>
      <dgm:spPr/>
    </dgm:pt>
    <dgm:pt modelId="{2F1CA159-F662-497B-8CF9-9E17A3325A61}" type="pres">
      <dgm:prSet presAssocID="{B89996A1-FF83-40BC-848F-DA0E77BD2864}" presName="spaceBetweenRectangles" presStyleCnt="0"/>
      <dgm:spPr/>
    </dgm:pt>
    <dgm:pt modelId="{21C3B4FE-18E3-4D60-8849-0A68EB2CDFF8}" type="pres">
      <dgm:prSet presAssocID="{9268F131-967A-4775-B8B0-8CC43DCA0542}" presName="composite" presStyleCnt="0"/>
      <dgm:spPr/>
    </dgm:pt>
    <dgm:pt modelId="{A1773CA9-22EA-41C3-9144-877D617C1B8B}" type="pres">
      <dgm:prSet presAssocID="{9268F131-967A-4775-B8B0-8CC43DCA0542}" presName="Parent1" presStyleLbl="node1" presStyleIdx="2" presStyleCnt="4" custLinFactNeighborX="-16611" custLinFactNeighborY="-684">
        <dgm:presLayoutVars>
          <dgm:chMax val="1"/>
          <dgm:chPref val="1"/>
          <dgm:bulletEnabled val="1"/>
        </dgm:presLayoutVars>
      </dgm:prSet>
      <dgm:spPr/>
    </dgm:pt>
    <dgm:pt modelId="{14E9446A-72C5-4AF7-A55B-8F9EC2F0B569}" type="pres">
      <dgm:prSet presAssocID="{9268F131-967A-4775-B8B0-8CC43DCA0542}" presName="Childtext1" presStyleLbl="revTx" presStyleIdx="1" presStyleCnt="2" custScaleX="152134" custLinFactNeighborX="-51257" custLinFactNeighborY="8394">
        <dgm:presLayoutVars>
          <dgm:chMax val="0"/>
          <dgm:chPref val="0"/>
          <dgm:bulletEnabled val="1"/>
        </dgm:presLayoutVars>
      </dgm:prSet>
      <dgm:spPr/>
    </dgm:pt>
    <dgm:pt modelId="{68DB11CE-4C86-4606-8ADC-90C2A1B2A889}" type="pres">
      <dgm:prSet presAssocID="{9268F131-967A-4775-B8B0-8CC43DCA0542}" presName="BalanceSpacing" presStyleCnt="0"/>
      <dgm:spPr/>
    </dgm:pt>
    <dgm:pt modelId="{A835A6D5-B17F-4144-99BA-3DD8DB31868B}" type="pres">
      <dgm:prSet presAssocID="{9268F131-967A-4775-B8B0-8CC43DCA0542}" presName="BalanceSpacing1" presStyleCnt="0"/>
      <dgm:spPr/>
    </dgm:pt>
    <dgm:pt modelId="{F25A9294-6F36-4A58-9590-60D4804F9FF7}" type="pres">
      <dgm:prSet presAssocID="{16105B1A-BD24-40B7-80AD-049FAA3E7427}" presName="Accent1Text" presStyleLbl="node1" presStyleIdx="3" presStyleCnt="4" custLinFactNeighborX="-18229" custLinFactNeighborY="-683"/>
      <dgm:spPr/>
    </dgm:pt>
  </dgm:ptLst>
  <dgm:cxnLst>
    <dgm:cxn modelId="{B693F6F3-F3F6-4D6C-88A2-EABBDF4C3D63}" type="presOf" srcId="{7D7D7F06-54FF-474C-82A5-4B6651F22145}" destId="{9F3F2372-4D71-4AEB-9CF7-D248EEE45FA1}" srcOrd="0" destOrd="1" presId="urn:microsoft.com/office/officeart/2008/layout/AlternatingHexagons"/>
    <dgm:cxn modelId="{D78344AE-C740-4695-8B99-CD948085DFDD}" type="presOf" srcId="{861A7845-C3FA-4FEB-9A45-BA2D23E8D21F}" destId="{9F3F2372-4D71-4AEB-9CF7-D248EEE45FA1}" srcOrd="0" destOrd="0" presId="urn:microsoft.com/office/officeart/2008/layout/AlternatingHexagons"/>
    <dgm:cxn modelId="{12B8B3CB-3899-4624-B513-B2AE567FA0D5}" srcId="{9268F131-967A-4775-B8B0-8CC43DCA0542}" destId="{6B04B592-BF0B-47CB-B236-10932FE46FF5}" srcOrd="1" destOrd="0" parTransId="{72767B9F-2CDE-4949-B322-147597152522}" sibTransId="{5E23E74B-7615-40AA-ABE8-C45EFF5EC48C}"/>
    <dgm:cxn modelId="{8ED671D4-B078-4099-AE0C-6E670A68C233}" srcId="{BC4C092F-4653-450C-A5EC-7B7A746C12C2}" destId="{7D7D7F06-54FF-474C-82A5-4B6651F22145}" srcOrd="1" destOrd="0" parTransId="{9F65F3D3-E2BB-442E-9DF6-A7B17EFF8B8D}" sibTransId="{66DB21E3-F135-4882-8650-C95405B75B31}"/>
    <dgm:cxn modelId="{2F374EBF-B208-4F02-95B2-6AAB1B558C4C}" type="presOf" srcId="{96DC88B5-2618-400E-A49B-172BB405921B}" destId="{C3A90D73-EBE3-4C50-9B54-FFCFFBF900AA}" srcOrd="0" destOrd="0" presId="urn:microsoft.com/office/officeart/2008/layout/AlternatingHexagons"/>
    <dgm:cxn modelId="{2FFB9497-F2E4-4DF8-B678-534B00C7E403}" type="presOf" srcId="{6B04B592-BF0B-47CB-B236-10932FE46FF5}" destId="{14E9446A-72C5-4AF7-A55B-8F9EC2F0B569}" srcOrd="0" destOrd="1" presId="urn:microsoft.com/office/officeart/2008/layout/AlternatingHexagons"/>
    <dgm:cxn modelId="{C46A6CD8-B224-4149-875F-07DDE1580109}" srcId="{96DC88B5-2618-400E-A49B-172BB405921B}" destId="{BC4C092F-4653-450C-A5EC-7B7A746C12C2}" srcOrd="0" destOrd="0" parTransId="{08BDB767-9F2C-43D7-A983-69D64CF6E072}" sibTransId="{B89996A1-FF83-40BC-848F-DA0E77BD2864}"/>
    <dgm:cxn modelId="{FADF4740-4B05-44AD-B2BA-50ED7145531B}" type="presOf" srcId="{C5A6EA03-BD1D-4CA3-BC9C-FE69C95F9601}" destId="{14E9446A-72C5-4AF7-A55B-8F9EC2F0B569}" srcOrd="0" destOrd="0" presId="urn:microsoft.com/office/officeart/2008/layout/AlternatingHexagons"/>
    <dgm:cxn modelId="{30A077D9-3615-44FE-98CB-7DD09083E13B}" type="presOf" srcId="{9268F131-967A-4775-B8B0-8CC43DCA0542}" destId="{A1773CA9-22EA-41C3-9144-877D617C1B8B}" srcOrd="0" destOrd="0" presId="urn:microsoft.com/office/officeart/2008/layout/AlternatingHexagons"/>
    <dgm:cxn modelId="{9DBBA3AB-2598-4031-8303-191D0BC6633C}" type="presOf" srcId="{BC4C092F-4653-450C-A5EC-7B7A746C12C2}" destId="{60B72761-3C52-4E6E-BB72-BCD30A759C17}" srcOrd="0" destOrd="0" presId="urn:microsoft.com/office/officeart/2008/layout/AlternatingHexagons"/>
    <dgm:cxn modelId="{9C0167EC-9747-4607-B12A-6648CED72DFD}" type="presOf" srcId="{B89996A1-FF83-40BC-848F-DA0E77BD2864}" destId="{43300D12-940F-4431-8776-8097C5339D32}" srcOrd="0" destOrd="0" presId="urn:microsoft.com/office/officeart/2008/layout/AlternatingHexagons"/>
    <dgm:cxn modelId="{FCCB9421-42ED-4642-B2F6-D0277FD6222F}" srcId="{9268F131-967A-4775-B8B0-8CC43DCA0542}" destId="{C5A6EA03-BD1D-4CA3-BC9C-FE69C95F9601}" srcOrd="0" destOrd="0" parTransId="{6273D0AF-1654-4652-8C1A-B8179EB8938F}" sibTransId="{91E525B5-1B6F-44B7-A813-E7B80029B40E}"/>
    <dgm:cxn modelId="{2BB492FF-130E-4436-931B-658BD49BEBDE}" srcId="{96DC88B5-2618-400E-A49B-172BB405921B}" destId="{9268F131-967A-4775-B8B0-8CC43DCA0542}" srcOrd="1" destOrd="0" parTransId="{F6EB1325-12C1-462A-A6D9-1699A3DDFC01}" sibTransId="{16105B1A-BD24-40B7-80AD-049FAA3E7427}"/>
    <dgm:cxn modelId="{71451DA7-8413-40BD-A413-960EE1D3CE48}" type="presOf" srcId="{16105B1A-BD24-40B7-80AD-049FAA3E7427}" destId="{F25A9294-6F36-4A58-9590-60D4804F9FF7}" srcOrd="0" destOrd="0" presId="urn:microsoft.com/office/officeart/2008/layout/AlternatingHexagons"/>
    <dgm:cxn modelId="{481A5B06-70C0-453D-8856-8C5F615C0ABC}" srcId="{BC4C092F-4653-450C-A5EC-7B7A746C12C2}" destId="{861A7845-C3FA-4FEB-9A45-BA2D23E8D21F}" srcOrd="0" destOrd="0" parTransId="{6DE2744F-877C-4E86-8AD4-A06040C628D8}" sibTransId="{22104089-7420-4C7B-94FC-5777DCD1FD23}"/>
    <dgm:cxn modelId="{1D7AE7B7-AD8C-42B0-A43A-18CB7B47A8F3}" type="presParOf" srcId="{C3A90D73-EBE3-4C50-9B54-FFCFFBF900AA}" destId="{81384F21-A434-44C2-B9B7-AAA121B77913}" srcOrd="0" destOrd="0" presId="urn:microsoft.com/office/officeart/2008/layout/AlternatingHexagons"/>
    <dgm:cxn modelId="{7F47D25D-E54F-498A-9BE7-9FD8198F7DFB}" type="presParOf" srcId="{81384F21-A434-44C2-B9B7-AAA121B77913}" destId="{60B72761-3C52-4E6E-BB72-BCD30A759C17}" srcOrd="0" destOrd="0" presId="urn:microsoft.com/office/officeart/2008/layout/AlternatingHexagons"/>
    <dgm:cxn modelId="{5E608156-220C-4D61-9D72-0B7FA525AAB2}" type="presParOf" srcId="{81384F21-A434-44C2-B9B7-AAA121B77913}" destId="{9F3F2372-4D71-4AEB-9CF7-D248EEE45FA1}" srcOrd="1" destOrd="0" presId="urn:microsoft.com/office/officeart/2008/layout/AlternatingHexagons"/>
    <dgm:cxn modelId="{E860D93D-706B-47AA-A4C7-6AA557020216}" type="presParOf" srcId="{81384F21-A434-44C2-B9B7-AAA121B77913}" destId="{BC41D035-84E4-42E1-9CF4-373A500AD529}" srcOrd="2" destOrd="0" presId="urn:microsoft.com/office/officeart/2008/layout/AlternatingHexagons"/>
    <dgm:cxn modelId="{4E494CE5-1DF1-4993-8DB3-43C765D10E0D}" type="presParOf" srcId="{81384F21-A434-44C2-B9B7-AAA121B77913}" destId="{5DB7E6CF-749C-4C4D-A53C-C12B8A1AABAB}" srcOrd="3" destOrd="0" presId="urn:microsoft.com/office/officeart/2008/layout/AlternatingHexagons"/>
    <dgm:cxn modelId="{CAD7B06B-F6DB-4383-AC83-32092FFB157F}" type="presParOf" srcId="{81384F21-A434-44C2-B9B7-AAA121B77913}" destId="{43300D12-940F-4431-8776-8097C5339D32}" srcOrd="4" destOrd="0" presId="urn:microsoft.com/office/officeart/2008/layout/AlternatingHexagons"/>
    <dgm:cxn modelId="{42EDA6CE-129B-4597-98C6-AAFA6252938F}" type="presParOf" srcId="{C3A90D73-EBE3-4C50-9B54-FFCFFBF900AA}" destId="{2F1CA159-F662-497B-8CF9-9E17A3325A61}" srcOrd="1" destOrd="0" presId="urn:microsoft.com/office/officeart/2008/layout/AlternatingHexagons"/>
    <dgm:cxn modelId="{85DC9368-EF79-4642-AEF0-63ED7D89EABA}" type="presParOf" srcId="{C3A90D73-EBE3-4C50-9B54-FFCFFBF900AA}" destId="{21C3B4FE-18E3-4D60-8849-0A68EB2CDFF8}" srcOrd="2" destOrd="0" presId="urn:microsoft.com/office/officeart/2008/layout/AlternatingHexagons"/>
    <dgm:cxn modelId="{AA3B8F18-16B6-41B2-9230-3FB550FF9469}" type="presParOf" srcId="{21C3B4FE-18E3-4D60-8849-0A68EB2CDFF8}" destId="{A1773CA9-22EA-41C3-9144-877D617C1B8B}" srcOrd="0" destOrd="0" presId="urn:microsoft.com/office/officeart/2008/layout/AlternatingHexagons"/>
    <dgm:cxn modelId="{405581E8-135E-4EAD-87DA-46D7C5C11D60}" type="presParOf" srcId="{21C3B4FE-18E3-4D60-8849-0A68EB2CDFF8}" destId="{14E9446A-72C5-4AF7-A55B-8F9EC2F0B569}" srcOrd="1" destOrd="0" presId="urn:microsoft.com/office/officeart/2008/layout/AlternatingHexagons"/>
    <dgm:cxn modelId="{02A827F1-DF0D-4C98-86F9-82FA4EAF9E49}" type="presParOf" srcId="{21C3B4FE-18E3-4D60-8849-0A68EB2CDFF8}" destId="{68DB11CE-4C86-4606-8ADC-90C2A1B2A889}" srcOrd="2" destOrd="0" presId="urn:microsoft.com/office/officeart/2008/layout/AlternatingHexagons"/>
    <dgm:cxn modelId="{4079BEAC-AAF4-4CAB-BE3A-43588424207E}" type="presParOf" srcId="{21C3B4FE-18E3-4D60-8849-0A68EB2CDFF8}" destId="{A835A6D5-B17F-4144-99BA-3DD8DB31868B}" srcOrd="3" destOrd="0" presId="urn:microsoft.com/office/officeart/2008/layout/AlternatingHexagons"/>
    <dgm:cxn modelId="{04734767-5DDA-44E6-B277-ED5D8ACA84E7}" type="presParOf" srcId="{21C3B4FE-18E3-4D60-8849-0A68EB2CDFF8}" destId="{F25A9294-6F36-4A58-9590-60D4804F9FF7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8CC54CCC-4DB6-4526-8A00-F131FBF98A4F}" type="doc">
      <dgm:prSet loTypeId="urn:microsoft.com/office/officeart/2005/8/layout/hProcess4" loCatId="process" qsTypeId="urn:microsoft.com/office/officeart/2005/8/quickstyle/simple1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7BFBF31E-E0DE-468D-91C7-6B2CB666F352}">
      <dgm:prSet phldrT="[Text]"/>
      <dgm:spPr>
        <a:solidFill>
          <a:srgbClr val="92D050"/>
        </a:solidFill>
      </dgm:spPr>
      <dgm:t>
        <a:bodyPr/>
        <a:lstStyle/>
        <a:p>
          <a:r>
            <a:rPr lang="en-US" dirty="0"/>
            <a:t>Lecture</a:t>
          </a:r>
        </a:p>
      </dgm:t>
    </dgm:pt>
    <dgm:pt modelId="{B3E81AB0-0245-413C-A195-DCE27021B92A}" type="parTrans" cxnId="{65B84C31-2D98-4B06-9619-3C1CDBD9FAB3}">
      <dgm:prSet/>
      <dgm:spPr/>
      <dgm:t>
        <a:bodyPr/>
        <a:lstStyle/>
        <a:p>
          <a:endParaRPr lang="en-US"/>
        </a:p>
      </dgm:t>
    </dgm:pt>
    <dgm:pt modelId="{B19DB2A0-6EC6-40F6-A7E5-7F4AC65FA970}" type="sibTrans" cxnId="{65B84C31-2D98-4B06-9619-3C1CDBD9FAB3}">
      <dgm:prSet/>
      <dgm:spPr/>
      <dgm:t>
        <a:bodyPr/>
        <a:lstStyle/>
        <a:p>
          <a:endParaRPr lang="en-US"/>
        </a:p>
      </dgm:t>
    </dgm:pt>
    <dgm:pt modelId="{9B77B393-E061-4E8C-B5B5-CB58610575D4}">
      <dgm:prSet phldrT="[Text]"/>
      <dgm:spPr>
        <a:solidFill>
          <a:srgbClr val="92D050"/>
        </a:solidFill>
      </dgm:spPr>
      <dgm:t>
        <a:bodyPr/>
        <a:lstStyle/>
        <a:p>
          <a:r>
            <a:rPr lang="en-US" dirty="0"/>
            <a:t>Structured</a:t>
          </a:r>
        </a:p>
      </dgm:t>
    </dgm:pt>
    <dgm:pt modelId="{AA04C6F5-16A5-44B6-9359-CC4567C1F512}" type="parTrans" cxnId="{897862E9-4BCB-486A-B908-08ADA8D72DA4}">
      <dgm:prSet/>
      <dgm:spPr/>
      <dgm:t>
        <a:bodyPr/>
        <a:lstStyle/>
        <a:p>
          <a:endParaRPr lang="en-US"/>
        </a:p>
      </dgm:t>
    </dgm:pt>
    <dgm:pt modelId="{11FC90C2-0F82-49FE-9FFB-ACAC60E60711}" type="sibTrans" cxnId="{897862E9-4BCB-486A-B908-08ADA8D72DA4}">
      <dgm:prSet/>
      <dgm:spPr/>
      <dgm:t>
        <a:bodyPr/>
        <a:lstStyle/>
        <a:p>
          <a:endParaRPr lang="en-US"/>
        </a:p>
      </dgm:t>
    </dgm:pt>
    <dgm:pt modelId="{5C326287-D00D-4648-B81F-691E8C84FE47}">
      <dgm:prSet phldrT="[Text]"/>
      <dgm:spPr>
        <a:solidFill>
          <a:srgbClr val="92D050"/>
        </a:solidFill>
      </dgm:spPr>
      <dgm:t>
        <a:bodyPr/>
        <a:lstStyle/>
        <a:p>
          <a:r>
            <a:rPr lang="en-US" dirty="0"/>
            <a:t>Unstructured</a:t>
          </a:r>
        </a:p>
      </dgm:t>
    </dgm:pt>
    <dgm:pt modelId="{53578CC7-2604-46AF-907E-F1ECBC2E8648}" type="parTrans" cxnId="{B9110B13-FF44-4C32-9227-C446F1DC4774}">
      <dgm:prSet/>
      <dgm:spPr/>
      <dgm:t>
        <a:bodyPr/>
        <a:lstStyle/>
        <a:p>
          <a:endParaRPr lang="en-US"/>
        </a:p>
      </dgm:t>
    </dgm:pt>
    <dgm:pt modelId="{CC9D9B85-41D5-4683-A441-94DF0B17BA7F}" type="sibTrans" cxnId="{B9110B13-FF44-4C32-9227-C446F1DC4774}">
      <dgm:prSet/>
      <dgm:spPr/>
      <dgm:t>
        <a:bodyPr/>
        <a:lstStyle/>
        <a:p>
          <a:endParaRPr lang="en-US"/>
        </a:p>
      </dgm:t>
    </dgm:pt>
    <dgm:pt modelId="{A6C689FA-9E62-4D29-89B9-93A30FFFC74A}">
      <dgm:prSet phldrT="[Text]"/>
      <dgm:spPr>
        <a:solidFill>
          <a:srgbClr val="92D050"/>
        </a:solidFill>
      </dgm:spPr>
      <dgm:t>
        <a:bodyPr/>
        <a:lstStyle/>
        <a:p>
          <a:r>
            <a:rPr lang="en-US" dirty="0"/>
            <a:t>Multiple-Choice</a:t>
          </a:r>
        </a:p>
      </dgm:t>
    </dgm:pt>
    <dgm:pt modelId="{8A78CC1B-E7D6-4676-8BEF-5E9A77C65F3C}" type="parTrans" cxnId="{39F26926-BB2D-4EC7-95B5-903D07225517}">
      <dgm:prSet/>
      <dgm:spPr/>
      <dgm:t>
        <a:bodyPr/>
        <a:lstStyle/>
        <a:p>
          <a:endParaRPr lang="en-US"/>
        </a:p>
      </dgm:t>
    </dgm:pt>
    <dgm:pt modelId="{95D98F01-3BA0-4DEC-AE55-1B7C62493F9F}" type="sibTrans" cxnId="{39F26926-BB2D-4EC7-95B5-903D07225517}">
      <dgm:prSet/>
      <dgm:spPr/>
      <dgm:t>
        <a:bodyPr/>
        <a:lstStyle/>
        <a:p>
          <a:endParaRPr lang="en-US"/>
        </a:p>
      </dgm:t>
    </dgm:pt>
    <dgm:pt modelId="{0B96E75B-E9CC-4CDF-AD4B-FE2B16B782AB}" type="pres">
      <dgm:prSet presAssocID="{8CC54CCC-4DB6-4526-8A00-F131FBF98A4F}" presName="Name0" presStyleCnt="0">
        <dgm:presLayoutVars>
          <dgm:dir/>
          <dgm:animLvl val="lvl"/>
          <dgm:resizeHandles val="exact"/>
        </dgm:presLayoutVars>
      </dgm:prSet>
      <dgm:spPr/>
    </dgm:pt>
    <dgm:pt modelId="{F8DABF8A-CE94-45B3-9A58-7C06AA4C9220}" type="pres">
      <dgm:prSet presAssocID="{8CC54CCC-4DB6-4526-8A00-F131FBF98A4F}" presName="tSp" presStyleCnt="0"/>
      <dgm:spPr/>
    </dgm:pt>
    <dgm:pt modelId="{EDFA3A5A-1AF1-4F76-B3AB-4FF5AA5E350F}" type="pres">
      <dgm:prSet presAssocID="{8CC54CCC-4DB6-4526-8A00-F131FBF98A4F}" presName="bSp" presStyleCnt="0"/>
      <dgm:spPr/>
    </dgm:pt>
    <dgm:pt modelId="{C5374392-3FF4-4F3D-96E5-2BAD7DE2331C}" type="pres">
      <dgm:prSet presAssocID="{8CC54CCC-4DB6-4526-8A00-F131FBF98A4F}" presName="process" presStyleCnt="0"/>
      <dgm:spPr/>
    </dgm:pt>
    <dgm:pt modelId="{C51BD427-0E85-43D8-8803-7FDA7F5B9CCC}" type="pres">
      <dgm:prSet presAssocID="{7BFBF31E-E0DE-468D-91C7-6B2CB666F352}" presName="composite1" presStyleCnt="0"/>
      <dgm:spPr/>
    </dgm:pt>
    <dgm:pt modelId="{9866EF1C-96CC-43BB-BCF2-D446BDDC0830}" type="pres">
      <dgm:prSet presAssocID="{7BFBF31E-E0DE-468D-91C7-6B2CB666F352}" presName="dummyNode1" presStyleLbl="node1" presStyleIdx="0" presStyleCnt="4"/>
      <dgm:spPr/>
    </dgm:pt>
    <dgm:pt modelId="{1458E9F0-DD1D-4355-9471-52B5D9D35651}" type="pres">
      <dgm:prSet presAssocID="{7BFBF31E-E0DE-468D-91C7-6B2CB666F352}" presName="childNode1" presStyleLbl="bgAcc1" presStyleIdx="0" presStyleCnt="4">
        <dgm:presLayoutVars>
          <dgm:bulletEnabled val="1"/>
        </dgm:presLayoutVars>
      </dgm:prSet>
      <dgm:spPr/>
    </dgm:pt>
    <dgm:pt modelId="{FC6A97BE-05B0-42E5-AA1C-95B65439D414}" type="pres">
      <dgm:prSet presAssocID="{7BFBF31E-E0DE-468D-91C7-6B2CB666F352}" presName="childNode1tx" presStyleLbl="bgAcc1" presStyleIdx="0" presStyleCnt="4">
        <dgm:presLayoutVars>
          <dgm:bulletEnabled val="1"/>
        </dgm:presLayoutVars>
      </dgm:prSet>
      <dgm:spPr/>
    </dgm:pt>
    <dgm:pt modelId="{4C4332EA-9584-450B-BE53-A2A23E62CA7B}" type="pres">
      <dgm:prSet presAssocID="{7BFBF31E-E0DE-468D-91C7-6B2CB666F352}" presName="parentNode1" presStyleLbl="node1" presStyleIdx="0" presStyleCnt="4">
        <dgm:presLayoutVars>
          <dgm:chMax val="1"/>
          <dgm:bulletEnabled val="1"/>
        </dgm:presLayoutVars>
      </dgm:prSet>
      <dgm:spPr/>
    </dgm:pt>
    <dgm:pt modelId="{86428924-BF14-46EC-91BB-10F6D98CC5D0}" type="pres">
      <dgm:prSet presAssocID="{7BFBF31E-E0DE-468D-91C7-6B2CB666F352}" presName="connSite1" presStyleCnt="0"/>
      <dgm:spPr/>
    </dgm:pt>
    <dgm:pt modelId="{1955A616-76E6-4663-88F6-8903C175CF26}" type="pres">
      <dgm:prSet presAssocID="{B19DB2A0-6EC6-40F6-A7E5-7F4AC65FA970}" presName="Name9" presStyleLbl="sibTrans2D1" presStyleIdx="0" presStyleCnt="3" custAng="1459072" custScaleX="79804" custLinFactNeighborX="-5842" custLinFactNeighborY="22433"/>
      <dgm:spPr/>
    </dgm:pt>
    <dgm:pt modelId="{8A14E294-BC97-40F1-956F-7BD42CD73B72}" type="pres">
      <dgm:prSet presAssocID="{9B77B393-E061-4E8C-B5B5-CB58610575D4}" presName="composite2" presStyleCnt="0"/>
      <dgm:spPr/>
    </dgm:pt>
    <dgm:pt modelId="{9ACEE74A-B02D-4A1D-B9C6-81C83472E29A}" type="pres">
      <dgm:prSet presAssocID="{9B77B393-E061-4E8C-B5B5-CB58610575D4}" presName="dummyNode2" presStyleLbl="node1" presStyleIdx="0" presStyleCnt="4"/>
      <dgm:spPr/>
    </dgm:pt>
    <dgm:pt modelId="{581EC0AD-D544-4D51-8FA2-98D7A5DDBCE4}" type="pres">
      <dgm:prSet presAssocID="{9B77B393-E061-4E8C-B5B5-CB58610575D4}" presName="childNode2" presStyleLbl="bgAcc1" presStyleIdx="1" presStyleCnt="4" custScaleX="484739" custScaleY="382479">
        <dgm:presLayoutVars>
          <dgm:bulletEnabled val="1"/>
        </dgm:presLayoutVars>
      </dgm:prSet>
      <dgm:spPr/>
    </dgm:pt>
    <dgm:pt modelId="{2C9E13FC-736B-48AB-857D-F240C1EFA446}" type="pres">
      <dgm:prSet presAssocID="{9B77B393-E061-4E8C-B5B5-CB58610575D4}" presName="childNode2tx" presStyleLbl="bgAcc1" presStyleIdx="1" presStyleCnt="4">
        <dgm:presLayoutVars>
          <dgm:bulletEnabled val="1"/>
        </dgm:presLayoutVars>
      </dgm:prSet>
      <dgm:spPr/>
    </dgm:pt>
    <dgm:pt modelId="{3A2634C9-C0F2-414C-96CF-E92233AD905E}" type="pres">
      <dgm:prSet presAssocID="{9B77B393-E061-4E8C-B5B5-CB58610575D4}" presName="parentNode2" presStyleLbl="node1" presStyleIdx="1" presStyleCnt="4" custLinFactX="100000" custLinFactY="-100000" custLinFactNeighborX="127563" custLinFactNeighborY="-196639">
        <dgm:presLayoutVars>
          <dgm:chMax val="0"/>
          <dgm:bulletEnabled val="1"/>
        </dgm:presLayoutVars>
      </dgm:prSet>
      <dgm:spPr/>
    </dgm:pt>
    <dgm:pt modelId="{55270067-3D49-4978-9EBE-DFF09D490423}" type="pres">
      <dgm:prSet presAssocID="{9B77B393-E061-4E8C-B5B5-CB58610575D4}" presName="connSite2" presStyleCnt="0"/>
      <dgm:spPr/>
    </dgm:pt>
    <dgm:pt modelId="{34CD6DC0-8B6E-4862-8B74-D1D9EA34C857}" type="pres">
      <dgm:prSet presAssocID="{11FC90C2-0F82-49FE-9FFB-ACAC60E60711}" presName="Name18" presStyleLbl="sibTrans2D1" presStyleIdx="1" presStyleCnt="3" custAng="20471295" custScaleX="109448" custScaleY="116554"/>
      <dgm:spPr/>
    </dgm:pt>
    <dgm:pt modelId="{3200A5D2-2E3B-4F90-96E1-3A17CE040F80}" type="pres">
      <dgm:prSet presAssocID="{5C326287-D00D-4648-B81F-691E8C84FE47}" presName="composite1" presStyleCnt="0"/>
      <dgm:spPr/>
    </dgm:pt>
    <dgm:pt modelId="{03D1478E-7EC1-42B4-8F3C-A00EFE9C8D73}" type="pres">
      <dgm:prSet presAssocID="{5C326287-D00D-4648-B81F-691E8C84FE47}" presName="dummyNode1" presStyleLbl="node1" presStyleIdx="1" presStyleCnt="4"/>
      <dgm:spPr/>
    </dgm:pt>
    <dgm:pt modelId="{EF084AEA-C326-4E4A-A61C-BD1CEEE48138}" type="pres">
      <dgm:prSet presAssocID="{5C326287-D00D-4648-B81F-691E8C84FE47}" presName="childNode1" presStyleLbl="bgAcc1" presStyleIdx="2" presStyleCnt="4">
        <dgm:presLayoutVars>
          <dgm:bulletEnabled val="1"/>
        </dgm:presLayoutVars>
      </dgm:prSet>
      <dgm:spPr/>
    </dgm:pt>
    <dgm:pt modelId="{BD86E909-00AC-462A-87DB-813BE1E027E5}" type="pres">
      <dgm:prSet presAssocID="{5C326287-D00D-4648-B81F-691E8C84FE47}" presName="childNode1tx" presStyleLbl="bgAcc1" presStyleIdx="2" presStyleCnt="4">
        <dgm:presLayoutVars>
          <dgm:bulletEnabled val="1"/>
        </dgm:presLayoutVars>
      </dgm:prSet>
      <dgm:spPr/>
    </dgm:pt>
    <dgm:pt modelId="{37F2BADE-5328-4307-BDB2-7D733B67985F}" type="pres">
      <dgm:prSet presAssocID="{5C326287-D00D-4648-B81F-691E8C84FE47}" presName="parentNode1" presStyleLbl="node1" presStyleIdx="2" presStyleCnt="4">
        <dgm:presLayoutVars>
          <dgm:chMax val="1"/>
          <dgm:bulletEnabled val="1"/>
        </dgm:presLayoutVars>
      </dgm:prSet>
      <dgm:spPr/>
    </dgm:pt>
    <dgm:pt modelId="{8A9931D6-9767-4EE1-B91E-BBC684091478}" type="pres">
      <dgm:prSet presAssocID="{5C326287-D00D-4648-B81F-691E8C84FE47}" presName="connSite1" presStyleCnt="0"/>
      <dgm:spPr/>
    </dgm:pt>
    <dgm:pt modelId="{005625CB-F80A-4674-9DC9-700F0DEB79FF}" type="pres">
      <dgm:prSet presAssocID="{CC9D9B85-41D5-4683-A441-94DF0B17BA7F}" presName="Name9" presStyleLbl="sibTrans2D1" presStyleIdx="2" presStyleCnt="3"/>
      <dgm:spPr/>
    </dgm:pt>
    <dgm:pt modelId="{D3880492-AE42-4BF9-963F-2503053703C2}" type="pres">
      <dgm:prSet presAssocID="{A6C689FA-9E62-4D29-89B9-93A30FFFC74A}" presName="composite2" presStyleCnt="0"/>
      <dgm:spPr/>
    </dgm:pt>
    <dgm:pt modelId="{C5091B87-9F7E-4C92-8405-0F040F71363D}" type="pres">
      <dgm:prSet presAssocID="{A6C689FA-9E62-4D29-89B9-93A30FFFC74A}" presName="dummyNode2" presStyleLbl="node1" presStyleIdx="2" presStyleCnt="4"/>
      <dgm:spPr/>
    </dgm:pt>
    <dgm:pt modelId="{B2009FAC-F6A9-472B-A24D-AA5FFE9B2018}" type="pres">
      <dgm:prSet presAssocID="{A6C689FA-9E62-4D29-89B9-93A30FFFC74A}" presName="childNode2" presStyleLbl="bgAcc1" presStyleIdx="3" presStyleCnt="4">
        <dgm:presLayoutVars>
          <dgm:bulletEnabled val="1"/>
        </dgm:presLayoutVars>
      </dgm:prSet>
      <dgm:spPr/>
    </dgm:pt>
    <dgm:pt modelId="{17B530FA-17C9-4BCC-9B63-B1EAB05845E2}" type="pres">
      <dgm:prSet presAssocID="{A6C689FA-9E62-4D29-89B9-93A30FFFC74A}" presName="childNode2tx" presStyleLbl="bgAcc1" presStyleIdx="3" presStyleCnt="4">
        <dgm:presLayoutVars>
          <dgm:bulletEnabled val="1"/>
        </dgm:presLayoutVars>
      </dgm:prSet>
      <dgm:spPr/>
    </dgm:pt>
    <dgm:pt modelId="{ECB6F653-7007-4204-8DA6-30C354196839}" type="pres">
      <dgm:prSet presAssocID="{A6C689FA-9E62-4D29-89B9-93A30FFFC74A}" presName="parentNode2" presStyleLbl="node1" presStyleIdx="3" presStyleCnt="4">
        <dgm:presLayoutVars>
          <dgm:chMax val="0"/>
          <dgm:bulletEnabled val="1"/>
        </dgm:presLayoutVars>
      </dgm:prSet>
      <dgm:spPr/>
    </dgm:pt>
    <dgm:pt modelId="{4370E245-2417-4D85-9B4E-D9941ED3804C}" type="pres">
      <dgm:prSet presAssocID="{A6C689FA-9E62-4D29-89B9-93A30FFFC74A}" presName="connSite2" presStyleCnt="0"/>
      <dgm:spPr/>
    </dgm:pt>
  </dgm:ptLst>
  <dgm:cxnLst>
    <dgm:cxn modelId="{65B84C31-2D98-4B06-9619-3C1CDBD9FAB3}" srcId="{8CC54CCC-4DB6-4526-8A00-F131FBF98A4F}" destId="{7BFBF31E-E0DE-468D-91C7-6B2CB666F352}" srcOrd="0" destOrd="0" parTransId="{B3E81AB0-0245-413C-A195-DCE27021B92A}" sibTransId="{B19DB2A0-6EC6-40F6-A7E5-7F4AC65FA970}"/>
    <dgm:cxn modelId="{D089F0D3-D16D-44D2-B07B-59738DAF6B04}" type="presOf" srcId="{11FC90C2-0F82-49FE-9FFB-ACAC60E60711}" destId="{34CD6DC0-8B6E-4862-8B74-D1D9EA34C857}" srcOrd="0" destOrd="0" presId="urn:microsoft.com/office/officeart/2005/8/layout/hProcess4"/>
    <dgm:cxn modelId="{781F72CE-DA0C-4DFB-843D-E3F6FE6F6096}" type="presOf" srcId="{CC9D9B85-41D5-4683-A441-94DF0B17BA7F}" destId="{005625CB-F80A-4674-9DC9-700F0DEB79FF}" srcOrd="0" destOrd="0" presId="urn:microsoft.com/office/officeart/2005/8/layout/hProcess4"/>
    <dgm:cxn modelId="{8B310AB9-204B-436F-A132-CEE83CDDB045}" type="presOf" srcId="{7BFBF31E-E0DE-468D-91C7-6B2CB666F352}" destId="{4C4332EA-9584-450B-BE53-A2A23E62CA7B}" srcOrd="0" destOrd="0" presId="urn:microsoft.com/office/officeart/2005/8/layout/hProcess4"/>
    <dgm:cxn modelId="{3BE44C24-3A35-4E1E-80A5-626AB3EC5854}" type="presOf" srcId="{B19DB2A0-6EC6-40F6-A7E5-7F4AC65FA970}" destId="{1955A616-76E6-4663-88F6-8903C175CF26}" srcOrd="0" destOrd="0" presId="urn:microsoft.com/office/officeart/2005/8/layout/hProcess4"/>
    <dgm:cxn modelId="{508B56E9-1DAB-4ABD-9E9E-3AD85E22D809}" type="presOf" srcId="{5C326287-D00D-4648-B81F-691E8C84FE47}" destId="{37F2BADE-5328-4307-BDB2-7D733B67985F}" srcOrd="0" destOrd="0" presId="urn:microsoft.com/office/officeart/2005/8/layout/hProcess4"/>
    <dgm:cxn modelId="{E78C334F-3342-48D5-94BD-5314405695B8}" type="presOf" srcId="{9B77B393-E061-4E8C-B5B5-CB58610575D4}" destId="{3A2634C9-C0F2-414C-96CF-E92233AD905E}" srcOrd="0" destOrd="0" presId="urn:microsoft.com/office/officeart/2005/8/layout/hProcess4"/>
    <dgm:cxn modelId="{897862E9-4BCB-486A-B908-08ADA8D72DA4}" srcId="{8CC54CCC-4DB6-4526-8A00-F131FBF98A4F}" destId="{9B77B393-E061-4E8C-B5B5-CB58610575D4}" srcOrd="1" destOrd="0" parTransId="{AA04C6F5-16A5-44B6-9359-CC4567C1F512}" sibTransId="{11FC90C2-0F82-49FE-9FFB-ACAC60E60711}"/>
    <dgm:cxn modelId="{B9110B13-FF44-4C32-9227-C446F1DC4774}" srcId="{8CC54CCC-4DB6-4526-8A00-F131FBF98A4F}" destId="{5C326287-D00D-4648-B81F-691E8C84FE47}" srcOrd="2" destOrd="0" parTransId="{53578CC7-2604-46AF-907E-F1ECBC2E8648}" sibTransId="{CC9D9B85-41D5-4683-A441-94DF0B17BA7F}"/>
    <dgm:cxn modelId="{39F26926-BB2D-4EC7-95B5-903D07225517}" srcId="{8CC54CCC-4DB6-4526-8A00-F131FBF98A4F}" destId="{A6C689FA-9E62-4D29-89B9-93A30FFFC74A}" srcOrd="3" destOrd="0" parTransId="{8A78CC1B-E7D6-4676-8BEF-5E9A77C65F3C}" sibTransId="{95D98F01-3BA0-4DEC-AE55-1B7C62493F9F}"/>
    <dgm:cxn modelId="{12C6ED1A-6602-4689-8751-682B4D186227}" type="presOf" srcId="{A6C689FA-9E62-4D29-89B9-93A30FFFC74A}" destId="{ECB6F653-7007-4204-8DA6-30C354196839}" srcOrd="0" destOrd="0" presId="urn:microsoft.com/office/officeart/2005/8/layout/hProcess4"/>
    <dgm:cxn modelId="{24B3BD27-669A-44C9-813F-9F8163A04D17}" type="presOf" srcId="{8CC54CCC-4DB6-4526-8A00-F131FBF98A4F}" destId="{0B96E75B-E9CC-4CDF-AD4B-FE2B16B782AB}" srcOrd="0" destOrd="0" presId="urn:microsoft.com/office/officeart/2005/8/layout/hProcess4"/>
    <dgm:cxn modelId="{16783528-FA0A-489D-B694-28902EA5414A}" type="presParOf" srcId="{0B96E75B-E9CC-4CDF-AD4B-FE2B16B782AB}" destId="{F8DABF8A-CE94-45B3-9A58-7C06AA4C9220}" srcOrd="0" destOrd="0" presId="urn:microsoft.com/office/officeart/2005/8/layout/hProcess4"/>
    <dgm:cxn modelId="{8D6C12D7-C2BC-423F-A98E-6696B9C989A5}" type="presParOf" srcId="{0B96E75B-E9CC-4CDF-AD4B-FE2B16B782AB}" destId="{EDFA3A5A-1AF1-4F76-B3AB-4FF5AA5E350F}" srcOrd="1" destOrd="0" presId="urn:microsoft.com/office/officeart/2005/8/layout/hProcess4"/>
    <dgm:cxn modelId="{9E2718D5-84BF-47E1-9026-79F319DE17F7}" type="presParOf" srcId="{0B96E75B-E9CC-4CDF-AD4B-FE2B16B782AB}" destId="{C5374392-3FF4-4F3D-96E5-2BAD7DE2331C}" srcOrd="2" destOrd="0" presId="urn:microsoft.com/office/officeart/2005/8/layout/hProcess4"/>
    <dgm:cxn modelId="{6AD1ECF2-FD57-47A5-B050-8FDDC0DFF5DE}" type="presParOf" srcId="{C5374392-3FF4-4F3D-96E5-2BAD7DE2331C}" destId="{C51BD427-0E85-43D8-8803-7FDA7F5B9CCC}" srcOrd="0" destOrd="0" presId="urn:microsoft.com/office/officeart/2005/8/layout/hProcess4"/>
    <dgm:cxn modelId="{EC06B53D-E52D-4A28-AD02-FF0D2BF4B68E}" type="presParOf" srcId="{C51BD427-0E85-43D8-8803-7FDA7F5B9CCC}" destId="{9866EF1C-96CC-43BB-BCF2-D446BDDC0830}" srcOrd="0" destOrd="0" presId="urn:microsoft.com/office/officeart/2005/8/layout/hProcess4"/>
    <dgm:cxn modelId="{8FD9BCDB-BDC1-4889-AEB7-128C1F37B301}" type="presParOf" srcId="{C51BD427-0E85-43D8-8803-7FDA7F5B9CCC}" destId="{1458E9F0-DD1D-4355-9471-52B5D9D35651}" srcOrd="1" destOrd="0" presId="urn:microsoft.com/office/officeart/2005/8/layout/hProcess4"/>
    <dgm:cxn modelId="{F7182727-E021-4676-B9AD-CBDE393EB4F7}" type="presParOf" srcId="{C51BD427-0E85-43D8-8803-7FDA7F5B9CCC}" destId="{FC6A97BE-05B0-42E5-AA1C-95B65439D414}" srcOrd="2" destOrd="0" presId="urn:microsoft.com/office/officeart/2005/8/layout/hProcess4"/>
    <dgm:cxn modelId="{9EE7B914-AF68-4536-B06E-289A8EE7D5DC}" type="presParOf" srcId="{C51BD427-0E85-43D8-8803-7FDA7F5B9CCC}" destId="{4C4332EA-9584-450B-BE53-A2A23E62CA7B}" srcOrd="3" destOrd="0" presId="urn:microsoft.com/office/officeart/2005/8/layout/hProcess4"/>
    <dgm:cxn modelId="{FA902149-472D-48E0-95DC-5BAB5CCD67F5}" type="presParOf" srcId="{C51BD427-0E85-43D8-8803-7FDA7F5B9CCC}" destId="{86428924-BF14-46EC-91BB-10F6D98CC5D0}" srcOrd="4" destOrd="0" presId="urn:microsoft.com/office/officeart/2005/8/layout/hProcess4"/>
    <dgm:cxn modelId="{64EF0C30-8FE4-4D07-9DD6-A808FC5925CE}" type="presParOf" srcId="{C5374392-3FF4-4F3D-96E5-2BAD7DE2331C}" destId="{1955A616-76E6-4663-88F6-8903C175CF26}" srcOrd="1" destOrd="0" presId="urn:microsoft.com/office/officeart/2005/8/layout/hProcess4"/>
    <dgm:cxn modelId="{3F413D74-FFDF-4D1D-A5D1-477FE4D2206D}" type="presParOf" srcId="{C5374392-3FF4-4F3D-96E5-2BAD7DE2331C}" destId="{8A14E294-BC97-40F1-956F-7BD42CD73B72}" srcOrd="2" destOrd="0" presId="urn:microsoft.com/office/officeart/2005/8/layout/hProcess4"/>
    <dgm:cxn modelId="{6C4837F8-1664-4436-90CE-DB32BA0B4C04}" type="presParOf" srcId="{8A14E294-BC97-40F1-956F-7BD42CD73B72}" destId="{9ACEE74A-B02D-4A1D-B9C6-81C83472E29A}" srcOrd="0" destOrd="0" presId="urn:microsoft.com/office/officeart/2005/8/layout/hProcess4"/>
    <dgm:cxn modelId="{0CCC4111-04F9-4C45-B6C0-6366B30C1F1A}" type="presParOf" srcId="{8A14E294-BC97-40F1-956F-7BD42CD73B72}" destId="{581EC0AD-D544-4D51-8FA2-98D7A5DDBCE4}" srcOrd="1" destOrd="0" presId="urn:microsoft.com/office/officeart/2005/8/layout/hProcess4"/>
    <dgm:cxn modelId="{032658AD-5361-42CC-A24A-B74E2EEA55A9}" type="presParOf" srcId="{8A14E294-BC97-40F1-956F-7BD42CD73B72}" destId="{2C9E13FC-736B-48AB-857D-F240C1EFA446}" srcOrd="2" destOrd="0" presId="urn:microsoft.com/office/officeart/2005/8/layout/hProcess4"/>
    <dgm:cxn modelId="{CF120AA6-1CF0-4B11-9823-F822C89D0F74}" type="presParOf" srcId="{8A14E294-BC97-40F1-956F-7BD42CD73B72}" destId="{3A2634C9-C0F2-414C-96CF-E92233AD905E}" srcOrd="3" destOrd="0" presId="urn:microsoft.com/office/officeart/2005/8/layout/hProcess4"/>
    <dgm:cxn modelId="{C8318985-D8E6-40DA-BBDC-A38511616E96}" type="presParOf" srcId="{8A14E294-BC97-40F1-956F-7BD42CD73B72}" destId="{55270067-3D49-4978-9EBE-DFF09D490423}" srcOrd="4" destOrd="0" presId="urn:microsoft.com/office/officeart/2005/8/layout/hProcess4"/>
    <dgm:cxn modelId="{903CC133-9DD5-4B9D-993F-8110EF15051B}" type="presParOf" srcId="{C5374392-3FF4-4F3D-96E5-2BAD7DE2331C}" destId="{34CD6DC0-8B6E-4862-8B74-D1D9EA34C857}" srcOrd="3" destOrd="0" presId="urn:microsoft.com/office/officeart/2005/8/layout/hProcess4"/>
    <dgm:cxn modelId="{9CCF137C-2D68-43B4-93B2-A6DCFCAE88F8}" type="presParOf" srcId="{C5374392-3FF4-4F3D-96E5-2BAD7DE2331C}" destId="{3200A5D2-2E3B-4F90-96E1-3A17CE040F80}" srcOrd="4" destOrd="0" presId="urn:microsoft.com/office/officeart/2005/8/layout/hProcess4"/>
    <dgm:cxn modelId="{48757181-550C-4DE4-B5CA-039F7D208780}" type="presParOf" srcId="{3200A5D2-2E3B-4F90-96E1-3A17CE040F80}" destId="{03D1478E-7EC1-42B4-8F3C-A00EFE9C8D73}" srcOrd="0" destOrd="0" presId="urn:microsoft.com/office/officeart/2005/8/layout/hProcess4"/>
    <dgm:cxn modelId="{B2658FBD-104A-461F-B44D-92C8B92F4C77}" type="presParOf" srcId="{3200A5D2-2E3B-4F90-96E1-3A17CE040F80}" destId="{EF084AEA-C326-4E4A-A61C-BD1CEEE48138}" srcOrd="1" destOrd="0" presId="urn:microsoft.com/office/officeart/2005/8/layout/hProcess4"/>
    <dgm:cxn modelId="{54FD9ADD-2C21-41E2-B449-BD81E8CA7E3E}" type="presParOf" srcId="{3200A5D2-2E3B-4F90-96E1-3A17CE040F80}" destId="{BD86E909-00AC-462A-87DB-813BE1E027E5}" srcOrd="2" destOrd="0" presId="urn:microsoft.com/office/officeart/2005/8/layout/hProcess4"/>
    <dgm:cxn modelId="{06DB9F40-5B3D-4576-9E57-7DF8E3D12CB6}" type="presParOf" srcId="{3200A5D2-2E3B-4F90-96E1-3A17CE040F80}" destId="{37F2BADE-5328-4307-BDB2-7D733B67985F}" srcOrd="3" destOrd="0" presId="urn:microsoft.com/office/officeart/2005/8/layout/hProcess4"/>
    <dgm:cxn modelId="{0DA7365B-45DD-4372-BFD5-DEA58E00C1A3}" type="presParOf" srcId="{3200A5D2-2E3B-4F90-96E1-3A17CE040F80}" destId="{8A9931D6-9767-4EE1-B91E-BBC684091478}" srcOrd="4" destOrd="0" presId="urn:microsoft.com/office/officeart/2005/8/layout/hProcess4"/>
    <dgm:cxn modelId="{C13867FE-706F-4A81-8392-FCFB840FFA69}" type="presParOf" srcId="{C5374392-3FF4-4F3D-96E5-2BAD7DE2331C}" destId="{005625CB-F80A-4674-9DC9-700F0DEB79FF}" srcOrd="5" destOrd="0" presId="urn:microsoft.com/office/officeart/2005/8/layout/hProcess4"/>
    <dgm:cxn modelId="{6EF6DE34-1032-4D74-9DA2-45ED806E6FFF}" type="presParOf" srcId="{C5374392-3FF4-4F3D-96E5-2BAD7DE2331C}" destId="{D3880492-AE42-4BF9-963F-2503053703C2}" srcOrd="6" destOrd="0" presId="urn:microsoft.com/office/officeart/2005/8/layout/hProcess4"/>
    <dgm:cxn modelId="{3C060E49-1C2D-45A9-B082-942F2857880F}" type="presParOf" srcId="{D3880492-AE42-4BF9-963F-2503053703C2}" destId="{C5091B87-9F7E-4C92-8405-0F040F71363D}" srcOrd="0" destOrd="0" presId="urn:microsoft.com/office/officeart/2005/8/layout/hProcess4"/>
    <dgm:cxn modelId="{C19802F0-6354-4D08-80B5-05912237C79B}" type="presParOf" srcId="{D3880492-AE42-4BF9-963F-2503053703C2}" destId="{B2009FAC-F6A9-472B-A24D-AA5FFE9B2018}" srcOrd="1" destOrd="0" presId="urn:microsoft.com/office/officeart/2005/8/layout/hProcess4"/>
    <dgm:cxn modelId="{22E6466B-47E7-428F-87D7-062C4263EB54}" type="presParOf" srcId="{D3880492-AE42-4BF9-963F-2503053703C2}" destId="{17B530FA-17C9-4BCC-9B63-B1EAB05845E2}" srcOrd="2" destOrd="0" presId="urn:microsoft.com/office/officeart/2005/8/layout/hProcess4"/>
    <dgm:cxn modelId="{14EF34E5-CA95-443D-ADAF-247633861BA0}" type="presParOf" srcId="{D3880492-AE42-4BF9-963F-2503053703C2}" destId="{ECB6F653-7007-4204-8DA6-30C354196839}" srcOrd="3" destOrd="0" presId="urn:microsoft.com/office/officeart/2005/8/layout/hProcess4"/>
    <dgm:cxn modelId="{3A6992D2-482F-4792-A52A-25A7D3534D84}" type="presParOf" srcId="{D3880492-AE42-4BF9-963F-2503053703C2}" destId="{4370E245-2417-4D85-9B4E-D9941ED3804C}" srcOrd="4" destOrd="0" presId="urn:microsoft.com/office/officeart/2005/8/layout/hProcess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7D1DF302-47C1-445D-968A-EC1965E64AEB}" type="doc">
      <dgm:prSet loTypeId="urn:microsoft.com/office/officeart/2011/layout/CircleProcess" loCatId="process" qsTypeId="urn:microsoft.com/office/officeart/2005/8/quickstyle/simple1" qsCatId="simple" csTypeId="urn:microsoft.com/office/officeart/2005/8/colors/accent6_1" csCatId="accent6" phldr="1"/>
      <dgm:spPr/>
      <dgm:t>
        <a:bodyPr/>
        <a:lstStyle/>
        <a:p>
          <a:endParaRPr lang="en-US"/>
        </a:p>
      </dgm:t>
    </dgm:pt>
    <dgm:pt modelId="{D08D0734-2670-49F7-8B71-886E5BBEAFC9}">
      <dgm:prSet phldrT="[Text]"/>
      <dgm:spPr/>
      <dgm:t>
        <a:bodyPr/>
        <a:lstStyle/>
        <a:p>
          <a:r>
            <a:rPr lang="en-US" dirty="0"/>
            <a:t>Preprocessing</a:t>
          </a:r>
        </a:p>
      </dgm:t>
    </dgm:pt>
    <dgm:pt modelId="{E2168904-1D02-49E8-BBE4-791C01B62897}" type="parTrans" cxnId="{B281CCDF-B566-4B06-A5A9-F8210D22B900}">
      <dgm:prSet/>
      <dgm:spPr/>
      <dgm:t>
        <a:bodyPr/>
        <a:lstStyle/>
        <a:p>
          <a:endParaRPr lang="en-US"/>
        </a:p>
      </dgm:t>
    </dgm:pt>
    <dgm:pt modelId="{2B39229D-361E-4E41-85FA-5B3304EDE842}" type="sibTrans" cxnId="{B281CCDF-B566-4B06-A5A9-F8210D22B900}">
      <dgm:prSet/>
      <dgm:spPr/>
      <dgm:t>
        <a:bodyPr/>
        <a:lstStyle/>
        <a:p>
          <a:endParaRPr lang="en-US"/>
        </a:p>
      </dgm:t>
    </dgm:pt>
    <dgm:pt modelId="{13A45295-5BC2-465E-9438-3A976E8576CD}">
      <dgm:prSet phldrT="[Text]"/>
      <dgm:spPr/>
      <dgm:t>
        <a:bodyPr/>
        <a:lstStyle/>
        <a:p>
          <a:r>
            <a:rPr lang="en-US" dirty="0"/>
            <a:t>Clustering</a:t>
          </a:r>
        </a:p>
      </dgm:t>
    </dgm:pt>
    <dgm:pt modelId="{C79D4946-5F69-4B57-8305-F3D3CB2BE93C}" type="parTrans" cxnId="{9A6E3498-D94E-4AEB-A336-C610A8AE9379}">
      <dgm:prSet/>
      <dgm:spPr/>
      <dgm:t>
        <a:bodyPr/>
        <a:lstStyle/>
        <a:p>
          <a:endParaRPr lang="en-US"/>
        </a:p>
      </dgm:t>
    </dgm:pt>
    <dgm:pt modelId="{C1A725A6-CB62-4934-BB56-D0A8091644E8}" type="sibTrans" cxnId="{9A6E3498-D94E-4AEB-A336-C610A8AE9379}">
      <dgm:prSet/>
      <dgm:spPr/>
      <dgm:t>
        <a:bodyPr/>
        <a:lstStyle/>
        <a:p>
          <a:endParaRPr lang="en-US"/>
        </a:p>
      </dgm:t>
    </dgm:pt>
    <dgm:pt modelId="{0D425390-9DFE-446B-873E-866DCB128EBE}">
      <dgm:prSet phldrT="[Text]"/>
      <dgm:spPr/>
      <dgm:t>
        <a:bodyPr/>
        <a:lstStyle/>
        <a:p>
          <a:r>
            <a:rPr lang="en-US" dirty="0"/>
            <a:t>Discussion</a:t>
          </a:r>
        </a:p>
      </dgm:t>
    </dgm:pt>
    <dgm:pt modelId="{886B353C-E320-46B8-8A8C-1086C94A5BBB}" type="parTrans" cxnId="{6008DF28-F996-469A-A769-349DBE0D5BA6}">
      <dgm:prSet/>
      <dgm:spPr/>
      <dgm:t>
        <a:bodyPr/>
        <a:lstStyle/>
        <a:p>
          <a:endParaRPr lang="en-US"/>
        </a:p>
      </dgm:t>
    </dgm:pt>
    <dgm:pt modelId="{88942B8B-A7B8-4193-B275-2A61993BE420}" type="sibTrans" cxnId="{6008DF28-F996-469A-A769-349DBE0D5BA6}">
      <dgm:prSet/>
      <dgm:spPr/>
      <dgm:t>
        <a:bodyPr/>
        <a:lstStyle/>
        <a:p>
          <a:endParaRPr lang="en-US"/>
        </a:p>
      </dgm:t>
    </dgm:pt>
    <dgm:pt modelId="{1851933F-03B9-43A1-B9FF-43BC229591C3}">
      <dgm:prSet phldrT="[Text]"/>
      <dgm:spPr/>
      <dgm:t>
        <a:bodyPr/>
        <a:lstStyle/>
        <a:p>
          <a:r>
            <a:rPr lang="en-US" dirty="0"/>
            <a:t>RIGHT method</a:t>
          </a:r>
        </a:p>
      </dgm:t>
    </dgm:pt>
    <dgm:pt modelId="{565B5973-4737-4FB2-95F1-B0C0C82AC727}" type="parTrans" cxnId="{381AFE9F-4F79-4237-AD77-2486433C3FF8}">
      <dgm:prSet/>
      <dgm:spPr/>
      <dgm:t>
        <a:bodyPr/>
        <a:lstStyle/>
        <a:p>
          <a:endParaRPr lang="en-US"/>
        </a:p>
      </dgm:t>
    </dgm:pt>
    <dgm:pt modelId="{4A653FCA-698A-4CD5-B7FE-5C40AC3E1071}" type="sibTrans" cxnId="{381AFE9F-4F79-4237-AD77-2486433C3FF8}">
      <dgm:prSet/>
      <dgm:spPr/>
      <dgm:t>
        <a:bodyPr/>
        <a:lstStyle/>
        <a:p>
          <a:endParaRPr lang="en-US"/>
        </a:p>
      </dgm:t>
    </dgm:pt>
    <dgm:pt modelId="{46A2AFB7-69E5-4C56-A38E-1E2B3676E3DF}">
      <dgm:prSet phldrT="[Text]"/>
      <dgm:spPr/>
      <dgm:t>
        <a:bodyPr/>
        <a:lstStyle/>
        <a:p>
          <a:r>
            <a:rPr lang="en-US" dirty="0"/>
            <a:t>Singapore mathematics pedagogy</a:t>
          </a:r>
        </a:p>
      </dgm:t>
    </dgm:pt>
    <dgm:pt modelId="{DA12EB57-AA55-4990-BCAC-7F0B12218E9B}" type="parTrans" cxnId="{4E48727B-0AD9-4538-BF13-3C1F2ECFE1C4}">
      <dgm:prSet/>
      <dgm:spPr/>
      <dgm:t>
        <a:bodyPr/>
        <a:lstStyle/>
        <a:p>
          <a:endParaRPr lang="en-US"/>
        </a:p>
      </dgm:t>
    </dgm:pt>
    <dgm:pt modelId="{3B89F443-D651-4A80-BA25-CFC6A1BED7B8}" type="sibTrans" cxnId="{4E48727B-0AD9-4538-BF13-3C1F2ECFE1C4}">
      <dgm:prSet/>
      <dgm:spPr/>
      <dgm:t>
        <a:bodyPr/>
        <a:lstStyle/>
        <a:p>
          <a:endParaRPr lang="en-US"/>
        </a:p>
      </dgm:t>
    </dgm:pt>
    <dgm:pt modelId="{5D48A3AF-F898-48DB-AA09-39320F2FD3A1}">
      <dgm:prSet phldrT="[Text]"/>
      <dgm:spPr/>
      <dgm:t>
        <a:bodyPr/>
        <a:lstStyle/>
        <a:p>
          <a:r>
            <a:rPr lang="en-US" dirty="0"/>
            <a:t>Objective</a:t>
          </a:r>
        </a:p>
      </dgm:t>
    </dgm:pt>
    <dgm:pt modelId="{62BF0AD1-DF5C-4311-8FB1-1E877A539C21}" type="parTrans" cxnId="{1E6D2FD5-5413-4BF4-87C1-D1D87DDC9514}">
      <dgm:prSet/>
      <dgm:spPr/>
      <dgm:t>
        <a:bodyPr/>
        <a:lstStyle/>
        <a:p>
          <a:endParaRPr lang="en-US"/>
        </a:p>
      </dgm:t>
    </dgm:pt>
    <dgm:pt modelId="{87FBEE01-F7AF-40B7-AFBF-F75E006B77CB}" type="sibTrans" cxnId="{1E6D2FD5-5413-4BF4-87C1-D1D87DDC9514}">
      <dgm:prSet/>
      <dgm:spPr/>
      <dgm:t>
        <a:bodyPr/>
        <a:lstStyle/>
        <a:p>
          <a:endParaRPr lang="en-US"/>
        </a:p>
      </dgm:t>
    </dgm:pt>
    <dgm:pt modelId="{71562C2E-16B0-48D7-873B-56DC24A65D00}">
      <dgm:prSet phldrT="[Text]"/>
      <dgm:spPr/>
      <dgm:t>
        <a:bodyPr/>
        <a:lstStyle/>
        <a:p>
          <a:r>
            <a:rPr lang="en-US"/>
            <a:t>Data </a:t>
          </a:r>
          <a:r>
            <a:rPr lang="en-US" dirty="0"/>
            <a:t>Collection</a:t>
          </a:r>
        </a:p>
      </dgm:t>
    </dgm:pt>
    <dgm:pt modelId="{A2520EEE-A1A1-43F6-95AB-75942823EA04}" type="parTrans" cxnId="{546914AB-7245-4DF7-84AD-51891A22A94A}">
      <dgm:prSet/>
      <dgm:spPr/>
      <dgm:t>
        <a:bodyPr/>
        <a:lstStyle/>
        <a:p>
          <a:endParaRPr lang="en-US"/>
        </a:p>
      </dgm:t>
    </dgm:pt>
    <dgm:pt modelId="{E215A14E-9EE8-4FD5-AC5C-A06C0DF3E92C}" type="sibTrans" cxnId="{546914AB-7245-4DF7-84AD-51891A22A94A}">
      <dgm:prSet/>
      <dgm:spPr/>
      <dgm:t>
        <a:bodyPr/>
        <a:lstStyle/>
        <a:p>
          <a:endParaRPr lang="en-US"/>
        </a:p>
      </dgm:t>
    </dgm:pt>
    <dgm:pt modelId="{D5A2DC74-0881-4F10-97C3-FCB2F3D9634F}">
      <dgm:prSet phldrT="[Text]"/>
      <dgm:spPr>
        <a:solidFill>
          <a:schemeClr val="accent6">
            <a:lumMod val="60000"/>
            <a:lumOff val="40000"/>
            <a:alpha val="90000"/>
          </a:schemeClr>
        </a:solidFill>
      </dgm:spPr>
      <dgm:t>
        <a:bodyPr/>
        <a:lstStyle/>
        <a:p>
          <a:r>
            <a:rPr lang="en-US" dirty="0"/>
            <a:t>Platform design</a:t>
          </a:r>
        </a:p>
      </dgm:t>
    </dgm:pt>
    <dgm:pt modelId="{243B582A-E98B-4261-A702-DD243DD9B85C}" type="parTrans" cxnId="{0AB56348-0467-4E1E-8C96-A5F5D5914A7A}">
      <dgm:prSet/>
      <dgm:spPr/>
      <dgm:t>
        <a:bodyPr/>
        <a:lstStyle/>
        <a:p>
          <a:endParaRPr lang="en-US"/>
        </a:p>
      </dgm:t>
    </dgm:pt>
    <dgm:pt modelId="{A41A1ADA-D81B-4B50-A3E3-03F5445C5773}" type="sibTrans" cxnId="{0AB56348-0467-4E1E-8C96-A5F5D5914A7A}">
      <dgm:prSet/>
      <dgm:spPr/>
      <dgm:t>
        <a:bodyPr/>
        <a:lstStyle/>
        <a:p>
          <a:endParaRPr lang="en-US"/>
        </a:p>
      </dgm:t>
    </dgm:pt>
    <dgm:pt modelId="{255C9F1C-68B6-498D-A156-47B5B612362F}" type="pres">
      <dgm:prSet presAssocID="{7D1DF302-47C1-445D-968A-EC1965E64AEB}" presName="Name0" presStyleCnt="0">
        <dgm:presLayoutVars>
          <dgm:chMax val="11"/>
          <dgm:chPref val="11"/>
          <dgm:dir/>
          <dgm:resizeHandles/>
        </dgm:presLayoutVars>
      </dgm:prSet>
      <dgm:spPr/>
    </dgm:pt>
    <dgm:pt modelId="{56BC1F8D-B7DC-48EA-B8B0-74AEF32FE497}" type="pres">
      <dgm:prSet presAssocID="{0D425390-9DFE-446B-873E-866DCB128EBE}" presName="Accent8" presStyleCnt="0"/>
      <dgm:spPr/>
    </dgm:pt>
    <dgm:pt modelId="{848EB86A-D645-4952-AFE7-6FF7F3F90765}" type="pres">
      <dgm:prSet presAssocID="{0D425390-9DFE-446B-873E-866DCB128EBE}" presName="Accent" presStyleLbl="node1" presStyleIdx="0" presStyleCnt="8"/>
      <dgm:spPr/>
    </dgm:pt>
    <dgm:pt modelId="{EB7B02B5-61B2-4A54-9785-360E6C91A913}" type="pres">
      <dgm:prSet presAssocID="{0D425390-9DFE-446B-873E-866DCB128EBE}" presName="ParentBackground8" presStyleCnt="0"/>
      <dgm:spPr/>
    </dgm:pt>
    <dgm:pt modelId="{74D905EE-673B-42C0-88A0-D1D3F84C83DE}" type="pres">
      <dgm:prSet presAssocID="{0D425390-9DFE-446B-873E-866DCB128EBE}" presName="ParentBackground" presStyleLbl="fgAcc1" presStyleIdx="0" presStyleCnt="8"/>
      <dgm:spPr/>
    </dgm:pt>
    <dgm:pt modelId="{E2132ECA-67B0-44D1-9BE5-9E5A415BEC21}" type="pres">
      <dgm:prSet presAssocID="{0D425390-9DFE-446B-873E-866DCB128EBE}" presName="Parent8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3D0183FA-3D9F-441A-A638-9E6F468DC836}" type="pres">
      <dgm:prSet presAssocID="{13A45295-5BC2-465E-9438-3A976E8576CD}" presName="Accent7" presStyleCnt="0"/>
      <dgm:spPr/>
    </dgm:pt>
    <dgm:pt modelId="{B6218B0F-8DC2-41AD-95FF-B93E0E1AEC19}" type="pres">
      <dgm:prSet presAssocID="{13A45295-5BC2-465E-9438-3A976E8576CD}" presName="Accent" presStyleLbl="node1" presStyleIdx="1" presStyleCnt="8"/>
      <dgm:spPr/>
    </dgm:pt>
    <dgm:pt modelId="{89DA6B89-F831-4687-AC02-B576C21CE16C}" type="pres">
      <dgm:prSet presAssocID="{13A45295-5BC2-465E-9438-3A976E8576CD}" presName="ParentBackground7" presStyleCnt="0"/>
      <dgm:spPr/>
    </dgm:pt>
    <dgm:pt modelId="{65C1C9DA-8466-45A0-A07B-E03018529448}" type="pres">
      <dgm:prSet presAssocID="{13A45295-5BC2-465E-9438-3A976E8576CD}" presName="ParentBackground" presStyleLbl="fgAcc1" presStyleIdx="1" presStyleCnt="8"/>
      <dgm:spPr/>
    </dgm:pt>
    <dgm:pt modelId="{D28B773D-015A-4D4D-BF51-EA3A20C7DA2B}" type="pres">
      <dgm:prSet presAssocID="{13A45295-5BC2-465E-9438-3A976E8576CD}" presName="Parent7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B8C5920A-5751-4085-BD59-A4CFE03990B4}" type="pres">
      <dgm:prSet presAssocID="{D08D0734-2670-49F7-8B71-886E5BBEAFC9}" presName="Accent6" presStyleCnt="0"/>
      <dgm:spPr/>
    </dgm:pt>
    <dgm:pt modelId="{2FEAAE9B-79FE-45F6-B64B-66AF7C69F8AE}" type="pres">
      <dgm:prSet presAssocID="{D08D0734-2670-49F7-8B71-886E5BBEAFC9}" presName="Accent" presStyleLbl="node1" presStyleIdx="2" presStyleCnt="8"/>
      <dgm:spPr/>
    </dgm:pt>
    <dgm:pt modelId="{415593E2-B03C-4A28-9ADD-204D41AE4C21}" type="pres">
      <dgm:prSet presAssocID="{D08D0734-2670-49F7-8B71-886E5BBEAFC9}" presName="ParentBackground6" presStyleCnt="0"/>
      <dgm:spPr/>
    </dgm:pt>
    <dgm:pt modelId="{71B5A1B1-64E5-48F4-A0B8-F3B07178B9E7}" type="pres">
      <dgm:prSet presAssocID="{D08D0734-2670-49F7-8B71-886E5BBEAFC9}" presName="ParentBackground" presStyleLbl="fgAcc1" presStyleIdx="2" presStyleCnt="8"/>
      <dgm:spPr/>
    </dgm:pt>
    <dgm:pt modelId="{590DDE25-54D7-4454-8F6C-25D154212AAA}" type="pres">
      <dgm:prSet presAssocID="{D08D0734-2670-49F7-8B71-886E5BBEAFC9}" presName="Parent6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2ED6A15A-F59E-4F88-AA7C-8EA5B0B1845A}" type="pres">
      <dgm:prSet presAssocID="{71562C2E-16B0-48D7-873B-56DC24A65D00}" presName="Accent5" presStyleCnt="0"/>
      <dgm:spPr/>
    </dgm:pt>
    <dgm:pt modelId="{B1C7B13A-809D-4DE3-8B96-B28874310F70}" type="pres">
      <dgm:prSet presAssocID="{71562C2E-16B0-48D7-873B-56DC24A65D00}" presName="Accent" presStyleLbl="node1" presStyleIdx="3" presStyleCnt="8"/>
      <dgm:spPr/>
    </dgm:pt>
    <dgm:pt modelId="{DE8830D5-ED13-4007-A930-6D0E13F91575}" type="pres">
      <dgm:prSet presAssocID="{71562C2E-16B0-48D7-873B-56DC24A65D00}" presName="ParentBackground5" presStyleCnt="0"/>
      <dgm:spPr/>
    </dgm:pt>
    <dgm:pt modelId="{F909F097-30E0-483E-93B6-2CE6D5866818}" type="pres">
      <dgm:prSet presAssocID="{71562C2E-16B0-48D7-873B-56DC24A65D00}" presName="ParentBackground" presStyleLbl="fgAcc1" presStyleIdx="3" presStyleCnt="8"/>
      <dgm:spPr/>
    </dgm:pt>
    <dgm:pt modelId="{C013460F-4C75-4138-9985-9936EC1FE1F7}" type="pres">
      <dgm:prSet presAssocID="{71562C2E-16B0-48D7-873B-56DC24A65D00}" presName="Parent5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8DC5081E-DBD4-4E81-B0B2-7503D125931A}" type="pres">
      <dgm:prSet presAssocID="{D5A2DC74-0881-4F10-97C3-FCB2F3D9634F}" presName="Accent4" presStyleCnt="0"/>
      <dgm:spPr/>
    </dgm:pt>
    <dgm:pt modelId="{13C5187D-D36C-4AAC-9236-989E8271FAD5}" type="pres">
      <dgm:prSet presAssocID="{D5A2DC74-0881-4F10-97C3-FCB2F3D9634F}" presName="Accent" presStyleLbl="node1" presStyleIdx="4" presStyleCnt="8"/>
      <dgm:spPr/>
    </dgm:pt>
    <dgm:pt modelId="{469EDE34-B714-40F4-B6D3-5EE827A79B75}" type="pres">
      <dgm:prSet presAssocID="{D5A2DC74-0881-4F10-97C3-FCB2F3D9634F}" presName="ParentBackground4" presStyleCnt="0"/>
      <dgm:spPr/>
    </dgm:pt>
    <dgm:pt modelId="{3B24207E-0AFA-4080-8AE7-F25BD2838CE8}" type="pres">
      <dgm:prSet presAssocID="{D5A2DC74-0881-4F10-97C3-FCB2F3D9634F}" presName="ParentBackground" presStyleLbl="fgAcc1" presStyleIdx="4" presStyleCnt="8"/>
      <dgm:spPr/>
    </dgm:pt>
    <dgm:pt modelId="{4818A4C8-EFA0-4C1D-B6A9-70D102DD2A7A}" type="pres">
      <dgm:prSet presAssocID="{D5A2DC74-0881-4F10-97C3-FCB2F3D9634F}" presName="Parent4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3A4F33C2-3C17-4772-9F2D-055106086FFD}" type="pres">
      <dgm:prSet presAssocID="{5D48A3AF-F898-48DB-AA09-39320F2FD3A1}" presName="Accent3" presStyleCnt="0"/>
      <dgm:spPr/>
    </dgm:pt>
    <dgm:pt modelId="{AC4E8628-7BE7-42A7-8A2A-DD13DD0FD98F}" type="pres">
      <dgm:prSet presAssocID="{5D48A3AF-F898-48DB-AA09-39320F2FD3A1}" presName="Accent" presStyleLbl="node1" presStyleIdx="5" presStyleCnt="8"/>
      <dgm:spPr/>
    </dgm:pt>
    <dgm:pt modelId="{018AA096-AD85-4D9B-9DE7-A297BDFC3D10}" type="pres">
      <dgm:prSet presAssocID="{5D48A3AF-F898-48DB-AA09-39320F2FD3A1}" presName="ParentBackground3" presStyleCnt="0"/>
      <dgm:spPr/>
    </dgm:pt>
    <dgm:pt modelId="{9FEC910F-4E68-4925-AFE2-6F4A1970E313}" type="pres">
      <dgm:prSet presAssocID="{5D48A3AF-F898-48DB-AA09-39320F2FD3A1}" presName="ParentBackground" presStyleLbl="fgAcc1" presStyleIdx="5" presStyleCnt="8"/>
      <dgm:spPr/>
    </dgm:pt>
    <dgm:pt modelId="{C5B27534-4610-4CE2-B8DB-C17C961536A6}" type="pres">
      <dgm:prSet presAssocID="{5D48A3AF-F898-48DB-AA09-39320F2FD3A1}" presName="Parent3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BC4981BD-4601-48B2-9D4C-354D5C6858DF}" type="pres">
      <dgm:prSet presAssocID="{1851933F-03B9-43A1-B9FF-43BC229591C3}" presName="Accent2" presStyleCnt="0"/>
      <dgm:spPr/>
    </dgm:pt>
    <dgm:pt modelId="{B13CB9E6-957C-4D0B-BB05-C3221F2F70F0}" type="pres">
      <dgm:prSet presAssocID="{1851933F-03B9-43A1-B9FF-43BC229591C3}" presName="Accent" presStyleLbl="node1" presStyleIdx="6" presStyleCnt="8"/>
      <dgm:spPr/>
    </dgm:pt>
    <dgm:pt modelId="{69E4A030-4ABD-4963-BE88-F3971FB97A55}" type="pres">
      <dgm:prSet presAssocID="{1851933F-03B9-43A1-B9FF-43BC229591C3}" presName="ParentBackground2" presStyleCnt="0"/>
      <dgm:spPr/>
    </dgm:pt>
    <dgm:pt modelId="{3F76725D-BB9E-408E-B088-DD95E7937C39}" type="pres">
      <dgm:prSet presAssocID="{1851933F-03B9-43A1-B9FF-43BC229591C3}" presName="ParentBackground" presStyleLbl="fgAcc1" presStyleIdx="6" presStyleCnt="8"/>
      <dgm:spPr/>
    </dgm:pt>
    <dgm:pt modelId="{1DCC74C9-B752-4291-8805-378E5D5E26A4}" type="pres">
      <dgm:prSet presAssocID="{1851933F-03B9-43A1-B9FF-43BC229591C3}" presName="Parent2" presStyleLbl="revTx" presStyleIdx="0" presStyleCnt="0">
        <dgm:presLayoutVars>
          <dgm:chMax val="1"/>
          <dgm:chPref val="1"/>
          <dgm:bulletEnabled val="1"/>
        </dgm:presLayoutVars>
      </dgm:prSet>
      <dgm:spPr/>
    </dgm:pt>
    <dgm:pt modelId="{049C03D6-E47A-472E-AA2C-15BC8EC3D4C2}" type="pres">
      <dgm:prSet presAssocID="{46A2AFB7-69E5-4C56-A38E-1E2B3676E3DF}" presName="Accent1" presStyleCnt="0"/>
      <dgm:spPr/>
    </dgm:pt>
    <dgm:pt modelId="{BCF55139-7438-476F-B5D9-01339D5E1CDE}" type="pres">
      <dgm:prSet presAssocID="{46A2AFB7-69E5-4C56-A38E-1E2B3676E3DF}" presName="Accent" presStyleLbl="node1" presStyleIdx="7" presStyleCnt="8"/>
      <dgm:spPr/>
    </dgm:pt>
    <dgm:pt modelId="{9210F676-6A62-4D60-B80A-F61B11A47485}" type="pres">
      <dgm:prSet presAssocID="{46A2AFB7-69E5-4C56-A38E-1E2B3676E3DF}" presName="ParentBackground1" presStyleCnt="0"/>
      <dgm:spPr/>
    </dgm:pt>
    <dgm:pt modelId="{3D4DBF55-6C79-4E92-93B9-2E07ECD720D8}" type="pres">
      <dgm:prSet presAssocID="{46A2AFB7-69E5-4C56-A38E-1E2B3676E3DF}" presName="ParentBackground" presStyleLbl="fgAcc1" presStyleIdx="7" presStyleCnt="8"/>
      <dgm:spPr/>
    </dgm:pt>
    <dgm:pt modelId="{CCDF26F4-6174-4B9D-A27A-02D89E269DC0}" type="pres">
      <dgm:prSet presAssocID="{46A2AFB7-69E5-4C56-A38E-1E2B3676E3DF}" presName="Parent1" presStyleLbl="revTx" presStyleIdx="0" presStyleCnt="0">
        <dgm:presLayoutVars>
          <dgm:chMax val="1"/>
          <dgm:chPref val="1"/>
          <dgm:bulletEnabled val="1"/>
        </dgm:presLayoutVars>
      </dgm:prSet>
      <dgm:spPr/>
    </dgm:pt>
  </dgm:ptLst>
  <dgm:cxnLst>
    <dgm:cxn modelId="{CC14BB12-D62E-4E08-9335-0154ED40421C}" type="presOf" srcId="{1851933F-03B9-43A1-B9FF-43BC229591C3}" destId="{3F76725D-BB9E-408E-B088-DD95E7937C39}" srcOrd="0" destOrd="0" presId="urn:microsoft.com/office/officeart/2011/layout/CircleProcess"/>
    <dgm:cxn modelId="{01E43AF5-B12B-4E39-8455-34410475531B}" type="presOf" srcId="{71562C2E-16B0-48D7-873B-56DC24A65D00}" destId="{C013460F-4C75-4138-9985-9936EC1FE1F7}" srcOrd="1" destOrd="0" presId="urn:microsoft.com/office/officeart/2011/layout/CircleProcess"/>
    <dgm:cxn modelId="{9D55FF7F-FA25-4CB2-9BBA-35630A9A666C}" type="presOf" srcId="{46A2AFB7-69E5-4C56-A38E-1E2B3676E3DF}" destId="{CCDF26F4-6174-4B9D-A27A-02D89E269DC0}" srcOrd="1" destOrd="0" presId="urn:microsoft.com/office/officeart/2011/layout/CircleProcess"/>
    <dgm:cxn modelId="{9A6E3498-D94E-4AEB-A336-C610A8AE9379}" srcId="{7D1DF302-47C1-445D-968A-EC1965E64AEB}" destId="{13A45295-5BC2-465E-9438-3A976E8576CD}" srcOrd="6" destOrd="0" parTransId="{C79D4946-5F69-4B57-8305-F3D3CB2BE93C}" sibTransId="{C1A725A6-CB62-4934-BB56-D0A8091644E8}"/>
    <dgm:cxn modelId="{A86A0ECF-5768-45C2-8749-26D9E4349C31}" type="presOf" srcId="{0D425390-9DFE-446B-873E-866DCB128EBE}" destId="{74D905EE-673B-42C0-88A0-D1D3F84C83DE}" srcOrd="0" destOrd="0" presId="urn:microsoft.com/office/officeart/2011/layout/CircleProcess"/>
    <dgm:cxn modelId="{B0CE28FF-1F51-43DD-9055-D7FF79386FAF}" type="presOf" srcId="{13A45295-5BC2-465E-9438-3A976E8576CD}" destId="{D28B773D-015A-4D4D-BF51-EA3A20C7DA2B}" srcOrd="1" destOrd="0" presId="urn:microsoft.com/office/officeart/2011/layout/CircleProcess"/>
    <dgm:cxn modelId="{A6AAB11C-A89E-47AB-9EC6-2458F9DDC41D}" type="presOf" srcId="{7D1DF302-47C1-445D-968A-EC1965E64AEB}" destId="{255C9F1C-68B6-498D-A156-47B5B612362F}" srcOrd="0" destOrd="0" presId="urn:microsoft.com/office/officeart/2011/layout/CircleProcess"/>
    <dgm:cxn modelId="{6008DF28-F996-469A-A769-349DBE0D5BA6}" srcId="{7D1DF302-47C1-445D-968A-EC1965E64AEB}" destId="{0D425390-9DFE-446B-873E-866DCB128EBE}" srcOrd="7" destOrd="0" parTransId="{886B353C-E320-46B8-8A8C-1086C94A5BBB}" sibTransId="{88942B8B-A7B8-4193-B275-2A61993BE420}"/>
    <dgm:cxn modelId="{7D095145-6A11-4776-BAF3-E35CF55C13DF}" type="presOf" srcId="{13A45295-5BC2-465E-9438-3A976E8576CD}" destId="{65C1C9DA-8466-45A0-A07B-E03018529448}" srcOrd="0" destOrd="0" presId="urn:microsoft.com/office/officeart/2011/layout/CircleProcess"/>
    <dgm:cxn modelId="{4E48727B-0AD9-4538-BF13-3C1F2ECFE1C4}" srcId="{7D1DF302-47C1-445D-968A-EC1965E64AEB}" destId="{46A2AFB7-69E5-4C56-A38E-1E2B3676E3DF}" srcOrd="0" destOrd="0" parTransId="{DA12EB57-AA55-4990-BCAC-7F0B12218E9B}" sibTransId="{3B89F443-D651-4A80-BA25-CFC6A1BED7B8}"/>
    <dgm:cxn modelId="{0AFC8363-3108-451E-B60C-9B8988E44B5B}" type="presOf" srcId="{1851933F-03B9-43A1-B9FF-43BC229591C3}" destId="{1DCC74C9-B752-4291-8805-378E5D5E26A4}" srcOrd="1" destOrd="0" presId="urn:microsoft.com/office/officeart/2011/layout/CircleProcess"/>
    <dgm:cxn modelId="{B281CCDF-B566-4B06-A5A9-F8210D22B900}" srcId="{7D1DF302-47C1-445D-968A-EC1965E64AEB}" destId="{D08D0734-2670-49F7-8B71-886E5BBEAFC9}" srcOrd="5" destOrd="0" parTransId="{E2168904-1D02-49E8-BBE4-791C01B62897}" sibTransId="{2B39229D-361E-4E41-85FA-5B3304EDE842}"/>
    <dgm:cxn modelId="{4641AC68-5D85-4025-A0ED-EA36E7A6C368}" type="presOf" srcId="{46A2AFB7-69E5-4C56-A38E-1E2B3676E3DF}" destId="{3D4DBF55-6C79-4E92-93B9-2E07ECD720D8}" srcOrd="0" destOrd="0" presId="urn:microsoft.com/office/officeart/2011/layout/CircleProcess"/>
    <dgm:cxn modelId="{546914AB-7245-4DF7-84AD-51891A22A94A}" srcId="{7D1DF302-47C1-445D-968A-EC1965E64AEB}" destId="{71562C2E-16B0-48D7-873B-56DC24A65D00}" srcOrd="4" destOrd="0" parTransId="{A2520EEE-A1A1-43F6-95AB-75942823EA04}" sibTransId="{E215A14E-9EE8-4FD5-AC5C-A06C0DF3E92C}"/>
    <dgm:cxn modelId="{1E6D2FD5-5413-4BF4-87C1-D1D87DDC9514}" srcId="{7D1DF302-47C1-445D-968A-EC1965E64AEB}" destId="{5D48A3AF-F898-48DB-AA09-39320F2FD3A1}" srcOrd="2" destOrd="0" parTransId="{62BF0AD1-DF5C-4311-8FB1-1E877A539C21}" sibTransId="{87FBEE01-F7AF-40B7-AFBF-F75E006B77CB}"/>
    <dgm:cxn modelId="{7F2A11CA-E940-4CFF-8BA7-0D6C7A5E0E09}" type="presOf" srcId="{D08D0734-2670-49F7-8B71-886E5BBEAFC9}" destId="{71B5A1B1-64E5-48F4-A0B8-F3B07178B9E7}" srcOrd="0" destOrd="0" presId="urn:microsoft.com/office/officeart/2011/layout/CircleProcess"/>
    <dgm:cxn modelId="{835E7420-02CC-4CD0-A76F-375692286D8F}" type="presOf" srcId="{D5A2DC74-0881-4F10-97C3-FCB2F3D9634F}" destId="{3B24207E-0AFA-4080-8AE7-F25BD2838CE8}" srcOrd="0" destOrd="0" presId="urn:microsoft.com/office/officeart/2011/layout/CircleProcess"/>
    <dgm:cxn modelId="{A299D923-8481-4D59-924D-295DC8F140F1}" type="presOf" srcId="{5D48A3AF-F898-48DB-AA09-39320F2FD3A1}" destId="{9FEC910F-4E68-4925-AFE2-6F4A1970E313}" srcOrd="0" destOrd="0" presId="urn:microsoft.com/office/officeart/2011/layout/CircleProcess"/>
    <dgm:cxn modelId="{6A0D228F-502D-453F-B055-0A381C178188}" type="presOf" srcId="{D5A2DC74-0881-4F10-97C3-FCB2F3D9634F}" destId="{4818A4C8-EFA0-4C1D-B6A9-70D102DD2A7A}" srcOrd="1" destOrd="0" presId="urn:microsoft.com/office/officeart/2011/layout/CircleProcess"/>
    <dgm:cxn modelId="{E003CECC-BD84-43F8-9645-222DEAA28722}" type="presOf" srcId="{71562C2E-16B0-48D7-873B-56DC24A65D00}" destId="{F909F097-30E0-483E-93B6-2CE6D5866818}" srcOrd="0" destOrd="0" presId="urn:microsoft.com/office/officeart/2011/layout/CircleProcess"/>
    <dgm:cxn modelId="{0AB56348-0467-4E1E-8C96-A5F5D5914A7A}" srcId="{7D1DF302-47C1-445D-968A-EC1965E64AEB}" destId="{D5A2DC74-0881-4F10-97C3-FCB2F3D9634F}" srcOrd="3" destOrd="0" parTransId="{243B582A-E98B-4261-A702-DD243DD9B85C}" sibTransId="{A41A1ADA-D81B-4B50-A3E3-03F5445C5773}"/>
    <dgm:cxn modelId="{693474BA-8E70-4D47-9E1D-ECEFFE11A6D7}" type="presOf" srcId="{0D425390-9DFE-446B-873E-866DCB128EBE}" destId="{E2132ECA-67B0-44D1-9BE5-9E5A415BEC21}" srcOrd="1" destOrd="0" presId="urn:microsoft.com/office/officeart/2011/layout/CircleProcess"/>
    <dgm:cxn modelId="{6F02148F-EBE9-4B53-A410-D3E0CB757241}" type="presOf" srcId="{5D48A3AF-F898-48DB-AA09-39320F2FD3A1}" destId="{C5B27534-4610-4CE2-B8DB-C17C961536A6}" srcOrd="1" destOrd="0" presId="urn:microsoft.com/office/officeart/2011/layout/CircleProcess"/>
    <dgm:cxn modelId="{96F5FC64-AA7E-497B-A2BE-32F438D363A1}" type="presOf" srcId="{D08D0734-2670-49F7-8B71-886E5BBEAFC9}" destId="{590DDE25-54D7-4454-8F6C-25D154212AAA}" srcOrd="1" destOrd="0" presId="urn:microsoft.com/office/officeart/2011/layout/CircleProcess"/>
    <dgm:cxn modelId="{381AFE9F-4F79-4237-AD77-2486433C3FF8}" srcId="{7D1DF302-47C1-445D-968A-EC1965E64AEB}" destId="{1851933F-03B9-43A1-B9FF-43BC229591C3}" srcOrd="1" destOrd="0" parTransId="{565B5973-4737-4FB2-95F1-B0C0C82AC727}" sibTransId="{4A653FCA-698A-4CD5-B7FE-5C40AC3E1071}"/>
    <dgm:cxn modelId="{FF6866DA-A98C-4EA1-A6D8-CBF511000541}" type="presParOf" srcId="{255C9F1C-68B6-498D-A156-47B5B612362F}" destId="{56BC1F8D-B7DC-48EA-B8B0-74AEF32FE497}" srcOrd="0" destOrd="0" presId="urn:microsoft.com/office/officeart/2011/layout/CircleProcess"/>
    <dgm:cxn modelId="{3B8988C5-1609-44E7-AE87-FA472B908C73}" type="presParOf" srcId="{56BC1F8D-B7DC-48EA-B8B0-74AEF32FE497}" destId="{848EB86A-D645-4952-AFE7-6FF7F3F90765}" srcOrd="0" destOrd="0" presId="urn:microsoft.com/office/officeart/2011/layout/CircleProcess"/>
    <dgm:cxn modelId="{F00D65CC-572A-4521-9702-A9217009625E}" type="presParOf" srcId="{255C9F1C-68B6-498D-A156-47B5B612362F}" destId="{EB7B02B5-61B2-4A54-9785-360E6C91A913}" srcOrd="1" destOrd="0" presId="urn:microsoft.com/office/officeart/2011/layout/CircleProcess"/>
    <dgm:cxn modelId="{3392089B-8890-46D2-AF6F-1CC91DFF445C}" type="presParOf" srcId="{EB7B02B5-61B2-4A54-9785-360E6C91A913}" destId="{74D905EE-673B-42C0-88A0-D1D3F84C83DE}" srcOrd="0" destOrd="0" presId="urn:microsoft.com/office/officeart/2011/layout/CircleProcess"/>
    <dgm:cxn modelId="{8FDA82E6-D4ED-41FE-B7A6-4D8090ABB060}" type="presParOf" srcId="{255C9F1C-68B6-498D-A156-47B5B612362F}" destId="{E2132ECA-67B0-44D1-9BE5-9E5A415BEC21}" srcOrd="2" destOrd="0" presId="urn:microsoft.com/office/officeart/2011/layout/CircleProcess"/>
    <dgm:cxn modelId="{F626BE55-6A39-4003-A92B-37E79ED9BDE8}" type="presParOf" srcId="{255C9F1C-68B6-498D-A156-47B5B612362F}" destId="{3D0183FA-3D9F-441A-A638-9E6F468DC836}" srcOrd="3" destOrd="0" presId="urn:microsoft.com/office/officeart/2011/layout/CircleProcess"/>
    <dgm:cxn modelId="{9FFEB91B-AC0E-4D7D-BBE3-7649DA8D05FB}" type="presParOf" srcId="{3D0183FA-3D9F-441A-A638-9E6F468DC836}" destId="{B6218B0F-8DC2-41AD-95FF-B93E0E1AEC19}" srcOrd="0" destOrd="0" presId="urn:microsoft.com/office/officeart/2011/layout/CircleProcess"/>
    <dgm:cxn modelId="{CA79E658-AAFA-46A6-816C-DFEA639AFFD7}" type="presParOf" srcId="{255C9F1C-68B6-498D-A156-47B5B612362F}" destId="{89DA6B89-F831-4687-AC02-B576C21CE16C}" srcOrd="4" destOrd="0" presId="urn:microsoft.com/office/officeart/2011/layout/CircleProcess"/>
    <dgm:cxn modelId="{BB1E20CB-878D-40A1-BED4-7B013AFFB719}" type="presParOf" srcId="{89DA6B89-F831-4687-AC02-B576C21CE16C}" destId="{65C1C9DA-8466-45A0-A07B-E03018529448}" srcOrd="0" destOrd="0" presId="urn:microsoft.com/office/officeart/2011/layout/CircleProcess"/>
    <dgm:cxn modelId="{DE3022C7-F4F4-425B-A58B-3A78F1224EDF}" type="presParOf" srcId="{255C9F1C-68B6-498D-A156-47B5B612362F}" destId="{D28B773D-015A-4D4D-BF51-EA3A20C7DA2B}" srcOrd="5" destOrd="0" presId="urn:microsoft.com/office/officeart/2011/layout/CircleProcess"/>
    <dgm:cxn modelId="{E9CC2827-EC4B-4FBD-A643-CAFC9FA08293}" type="presParOf" srcId="{255C9F1C-68B6-498D-A156-47B5B612362F}" destId="{B8C5920A-5751-4085-BD59-A4CFE03990B4}" srcOrd="6" destOrd="0" presId="urn:microsoft.com/office/officeart/2011/layout/CircleProcess"/>
    <dgm:cxn modelId="{D071B48C-D7F6-4D06-A69F-93A3B20BE58B}" type="presParOf" srcId="{B8C5920A-5751-4085-BD59-A4CFE03990B4}" destId="{2FEAAE9B-79FE-45F6-B64B-66AF7C69F8AE}" srcOrd="0" destOrd="0" presId="urn:microsoft.com/office/officeart/2011/layout/CircleProcess"/>
    <dgm:cxn modelId="{A8917A6B-0805-42DC-847A-FAA9676A4B1F}" type="presParOf" srcId="{255C9F1C-68B6-498D-A156-47B5B612362F}" destId="{415593E2-B03C-4A28-9ADD-204D41AE4C21}" srcOrd="7" destOrd="0" presId="urn:microsoft.com/office/officeart/2011/layout/CircleProcess"/>
    <dgm:cxn modelId="{8FC17E76-AF6E-42A5-90EF-E4DA94193A75}" type="presParOf" srcId="{415593E2-B03C-4A28-9ADD-204D41AE4C21}" destId="{71B5A1B1-64E5-48F4-A0B8-F3B07178B9E7}" srcOrd="0" destOrd="0" presId="urn:microsoft.com/office/officeart/2011/layout/CircleProcess"/>
    <dgm:cxn modelId="{50CBB0E0-DDD5-45F3-BAC8-0C17831F4C3F}" type="presParOf" srcId="{255C9F1C-68B6-498D-A156-47B5B612362F}" destId="{590DDE25-54D7-4454-8F6C-25D154212AAA}" srcOrd="8" destOrd="0" presId="urn:microsoft.com/office/officeart/2011/layout/CircleProcess"/>
    <dgm:cxn modelId="{B17AD5A8-BEEB-41A2-9018-7B0B9D99FFF7}" type="presParOf" srcId="{255C9F1C-68B6-498D-A156-47B5B612362F}" destId="{2ED6A15A-F59E-4F88-AA7C-8EA5B0B1845A}" srcOrd="9" destOrd="0" presId="urn:microsoft.com/office/officeart/2011/layout/CircleProcess"/>
    <dgm:cxn modelId="{003A7350-8C73-4EDC-8035-BA38675A07B1}" type="presParOf" srcId="{2ED6A15A-F59E-4F88-AA7C-8EA5B0B1845A}" destId="{B1C7B13A-809D-4DE3-8B96-B28874310F70}" srcOrd="0" destOrd="0" presId="urn:microsoft.com/office/officeart/2011/layout/CircleProcess"/>
    <dgm:cxn modelId="{329DF1D9-7C8B-4A52-8E66-E4F6C3C93E7D}" type="presParOf" srcId="{255C9F1C-68B6-498D-A156-47B5B612362F}" destId="{DE8830D5-ED13-4007-A930-6D0E13F91575}" srcOrd="10" destOrd="0" presId="urn:microsoft.com/office/officeart/2011/layout/CircleProcess"/>
    <dgm:cxn modelId="{81F1DA45-4A72-490D-8ED3-B823DB5F2919}" type="presParOf" srcId="{DE8830D5-ED13-4007-A930-6D0E13F91575}" destId="{F909F097-30E0-483E-93B6-2CE6D5866818}" srcOrd="0" destOrd="0" presId="urn:microsoft.com/office/officeart/2011/layout/CircleProcess"/>
    <dgm:cxn modelId="{DFD6D5E4-7A5B-4AAA-AFC0-D6676A22AF27}" type="presParOf" srcId="{255C9F1C-68B6-498D-A156-47B5B612362F}" destId="{C013460F-4C75-4138-9985-9936EC1FE1F7}" srcOrd="11" destOrd="0" presId="urn:microsoft.com/office/officeart/2011/layout/CircleProcess"/>
    <dgm:cxn modelId="{7FA6FA26-C444-4EE8-AE05-46624E827882}" type="presParOf" srcId="{255C9F1C-68B6-498D-A156-47B5B612362F}" destId="{8DC5081E-DBD4-4E81-B0B2-7503D125931A}" srcOrd="12" destOrd="0" presId="urn:microsoft.com/office/officeart/2011/layout/CircleProcess"/>
    <dgm:cxn modelId="{BF6D4E3B-D522-41C5-97E4-0A35F479549C}" type="presParOf" srcId="{8DC5081E-DBD4-4E81-B0B2-7503D125931A}" destId="{13C5187D-D36C-4AAC-9236-989E8271FAD5}" srcOrd="0" destOrd="0" presId="urn:microsoft.com/office/officeart/2011/layout/CircleProcess"/>
    <dgm:cxn modelId="{A516CA49-8704-4315-A94D-C46B8528B7D0}" type="presParOf" srcId="{255C9F1C-68B6-498D-A156-47B5B612362F}" destId="{469EDE34-B714-40F4-B6D3-5EE827A79B75}" srcOrd="13" destOrd="0" presId="urn:microsoft.com/office/officeart/2011/layout/CircleProcess"/>
    <dgm:cxn modelId="{477EAA88-ABB8-4ADE-AAAB-626A2D0975D1}" type="presParOf" srcId="{469EDE34-B714-40F4-B6D3-5EE827A79B75}" destId="{3B24207E-0AFA-4080-8AE7-F25BD2838CE8}" srcOrd="0" destOrd="0" presId="urn:microsoft.com/office/officeart/2011/layout/CircleProcess"/>
    <dgm:cxn modelId="{FA3E39DE-8D8B-4CF8-B6E0-4FC8C9E3DECE}" type="presParOf" srcId="{255C9F1C-68B6-498D-A156-47B5B612362F}" destId="{4818A4C8-EFA0-4C1D-B6A9-70D102DD2A7A}" srcOrd="14" destOrd="0" presId="urn:microsoft.com/office/officeart/2011/layout/CircleProcess"/>
    <dgm:cxn modelId="{0A6F011E-83A1-4C8F-BCE2-F6DA5C49EA31}" type="presParOf" srcId="{255C9F1C-68B6-498D-A156-47B5B612362F}" destId="{3A4F33C2-3C17-4772-9F2D-055106086FFD}" srcOrd="15" destOrd="0" presId="urn:microsoft.com/office/officeart/2011/layout/CircleProcess"/>
    <dgm:cxn modelId="{74973B24-7DC1-4160-8C02-708AC4D1BC53}" type="presParOf" srcId="{3A4F33C2-3C17-4772-9F2D-055106086FFD}" destId="{AC4E8628-7BE7-42A7-8A2A-DD13DD0FD98F}" srcOrd="0" destOrd="0" presId="urn:microsoft.com/office/officeart/2011/layout/CircleProcess"/>
    <dgm:cxn modelId="{66504676-15CE-4546-82E7-C686AC600B11}" type="presParOf" srcId="{255C9F1C-68B6-498D-A156-47B5B612362F}" destId="{018AA096-AD85-4D9B-9DE7-A297BDFC3D10}" srcOrd="16" destOrd="0" presId="urn:microsoft.com/office/officeart/2011/layout/CircleProcess"/>
    <dgm:cxn modelId="{1EE97ACF-D1E2-4C1F-94CE-E7F9358B4CB1}" type="presParOf" srcId="{018AA096-AD85-4D9B-9DE7-A297BDFC3D10}" destId="{9FEC910F-4E68-4925-AFE2-6F4A1970E313}" srcOrd="0" destOrd="0" presId="urn:microsoft.com/office/officeart/2011/layout/CircleProcess"/>
    <dgm:cxn modelId="{6ABC7BAD-F014-414B-BA1E-8DC0DA6D5A30}" type="presParOf" srcId="{255C9F1C-68B6-498D-A156-47B5B612362F}" destId="{C5B27534-4610-4CE2-B8DB-C17C961536A6}" srcOrd="17" destOrd="0" presId="urn:microsoft.com/office/officeart/2011/layout/CircleProcess"/>
    <dgm:cxn modelId="{37B62C8D-70F3-471C-A1DC-36BBAB9D74B4}" type="presParOf" srcId="{255C9F1C-68B6-498D-A156-47B5B612362F}" destId="{BC4981BD-4601-48B2-9D4C-354D5C6858DF}" srcOrd="18" destOrd="0" presId="urn:microsoft.com/office/officeart/2011/layout/CircleProcess"/>
    <dgm:cxn modelId="{0AAD2278-CC4E-4E8B-B4ED-7745D9C07A81}" type="presParOf" srcId="{BC4981BD-4601-48B2-9D4C-354D5C6858DF}" destId="{B13CB9E6-957C-4D0B-BB05-C3221F2F70F0}" srcOrd="0" destOrd="0" presId="urn:microsoft.com/office/officeart/2011/layout/CircleProcess"/>
    <dgm:cxn modelId="{46B3EFD5-DA9F-4857-AEE8-AF44CBD5625A}" type="presParOf" srcId="{255C9F1C-68B6-498D-A156-47B5B612362F}" destId="{69E4A030-4ABD-4963-BE88-F3971FB97A55}" srcOrd="19" destOrd="0" presId="urn:microsoft.com/office/officeart/2011/layout/CircleProcess"/>
    <dgm:cxn modelId="{47612F80-288B-43AA-A638-B087E3E657B9}" type="presParOf" srcId="{69E4A030-4ABD-4963-BE88-F3971FB97A55}" destId="{3F76725D-BB9E-408E-B088-DD95E7937C39}" srcOrd="0" destOrd="0" presId="urn:microsoft.com/office/officeart/2011/layout/CircleProcess"/>
    <dgm:cxn modelId="{4B9B8D02-9025-4132-93F8-2E1D865E488A}" type="presParOf" srcId="{255C9F1C-68B6-498D-A156-47B5B612362F}" destId="{1DCC74C9-B752-4291-8805-378E5D5E26A4}" srcOrd="20" destOrd="0" presId="urn:microsoft.com/office/officeart/2011/layout/CircleProcess"/>
    <dgm:cxn modelId="{321FA00B-69EA-4A17-B3F3-5A7EA0D62642}" type="presParOf" srcId="{255C9F1C-68B6-498D-A156-47B5B612362F}" destId="{049C03D6-E47A-472E-AA2C-15BC8EC3D4C2}" srcOrd="21" destOrd="0" presId="urn:microsoft.com/office/officeart/2011/layout/CircleProcess"/>
    <dgm:cxn modelId="{43ACA410-1883-4D10-A335-C6C6A089F01D}" type="presParOf" srcId="{049C03D6-E47A-472E-AA2C-15BC8EC3D4C2}" destId="{BCF55139-7438-476F-B5D9-01339D5E1CDE}" srcOrd="0" destOrd="0" presId="urn:microsoft.com/office/officeart/2011/layout/CircleProcess"/>
    <dgm:cxn modelId="{9069E9C4-7A11-4FE7-8923-D003A434B010}" type="presParOf" srcId="{255C9F1C-68B6-498D-A156-47B5B612362F}" destId="{9210F676-6A62-4D60-B80A-F61B11A47485}" srcOrd="22" destOrd="0" presId="urn:microsoft.com/office/officeart/2011/layout/CircleProcess"/>
    <dgm:cxn modelId="{8716AB0E-86F6-41F7-971C-D867204C4620}" type="presParOf" srcId="{9210F676-6A62-4D60-B80A-F61B11A47485}" destId="{3D4DBF55-6C79-4E92-93B9-2E07ECD720D8}" srcOrd="0" destOrd="0" presId="urn:microsoft.com/office/officeart/2011/layout/CircleProcess"/>
    <dgm:cxn modelId="{99D70FA5-E56B-4453-A1B0-F9428EEEE5E4}" type="presParOf" srcId="{255C9F1C-68B6-498D-A156-47B5B612362F}" destId="{CCDF26F4-6174-4B9D-A27A-02D89E269DC0}" srcOrd="23" destOrd="0" presId="urn:microsoft.com/office/officeart/2011/layout/CircleProces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48EB86A-D645-4952-AFE7-6FF7F3F90765}">
      <dsp:nvSpPr>
        <dsp:cNvPr id="0" name=""/>
        <dsp:cNvSpPr/>
      </dsp:nvSpPr>
      <dsp:spPr>
        <a:xfrm>
          <a:off x="10665517" y="1090927"/>
          <a:ext cx="1418229" cy="141884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D905EE-673B-42C0-88A0-D1D3F84C83DE}">
      <dsp:nvSpPr>
        <dsp:cNvPr id="0" name=""/>
        <dsp:cNvSpPr/>
      </dsp:nvSpPr>
      <dsp:spPr>
        <a:xfrm>
          <a:off x="10712114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Discussion</a:t>
          </a:r>
        </a:p>
      </dsp:txBody>
      <dsp:txXfrm>
        <a:off x="10900893" y="1327443"/>
        <a:ext cx="946282" cy="945812"/>
      </dsp:txXfrm>
    </dsp:sp>
    <dsp:sp modelId="{B6218B0F-8DC2-41AD-95FF-B93E0E1AEC19}">
      <dsp:nvSpPr>
        <dsp:cNvPr id="0" name=""/>
        <dsp:cNvSpPr/>
      </dsp:nvSpPr>
      <dsp:spPr>
        <a:xfrm rot="2700000">
          <a:off x="9198162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C1C9DA-8466-45A0-A07B-E03018529448}">
      <dsp:nvSpPr>
        <dsp:cNvPr id="0" name=""/>
        <dsp:cNvSpPr/>
      </dsp:nvSpPr>
      <dsp:spPr>
        <a:xfrm>
          <a:off x="9246093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Clustering</a:t>
          </a:r>
        </a:p>
      </dsp:txBody>
      <dsp:txXfrm>
        <a:off x="9434872" y="1327443"/>
        <a:ext cx="946282" cy="945812"/>
      </dsp:txXfrm>
    </dsp:sp>
    <dsp:sp modelId="{2FEAAE9B-79FE-45F6-B64B-66AF7C69F8AE}">
      <dsp:nvSpPr>
        <dsp:cNvPr id="0" name=""/>
        <dsp:cNvSpPr/>
      </dsp:nvSpPr>
      <dsp:spPr>
        <a:xfrm rot="2700000">
          <a:off x="7732141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1B5A1B1-64E5-48F4-A0B8-F3B07178B9E7}">
      <dsp:nvSpPr>
        <dsp:cNvPr id="0" name=""/>
        <dsp:cNvSpPr/>
      </dsp:nvSpPr>
      <dsp:spPr>
        <a:xfrm>
          <a:off x="7780072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Preprocessing</a:t>
          </a:r>
        </a:p>
      </dsp:txBody>
      <dsp:txXfrm>
        <a:off x="7968851" y="1327443"/>
        <a:ext cx="946282" cy="945812"/>
      </dsp:txXfrm>
    </dsp:sp>
    <dsp:sp modelId="{B1C7B13A-809D-4DE3-8B96-B28874310F70}">
      <dsp:nvSpPr>
        <dsp:cNvPr id="0" name=""/>
        <dsp:cNvSpPr/>
      </dsp:nvSpPr>
      <dsp:spPr>
        <a:xfrm rot="2700000">
          <a:off x="6266120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09F097-30E0-483E-93B6-2CE6D5866818}">
      <dsp:nvSpPr>
        <dsp:cNvPr id="0" name=""/>
        <dsp:cNvSpPr/>
      </dsp:nvSpPr>
      <dsp:spPr>
        <a:xfrm>
          <a:off x="6314051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Data collection</a:t>
          </a:r>
        </a:p>
      </dsp:txBody>
      <dsp:txXfrm>
        <a:off x="6502829" y="1327443"/>
        <a:ext cx="946282" cy="945812"/>
      </dsp:txXfrm>
    </dsp:sp>
    <dsp:sp modelId="{13C5187D-D36C-4AAC-9236-989E8271FAD5}">
      <dsp:nvSpPr>
        <dsp:cNvPr id="0" name=""/>
        <dsp:cNvSpPr/>
      </dsp:nvSpPr>
      <dsp:spPr>
        <a:xfrm rot="2700000">
          <a:off x="4800099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24207E-0AFA-4080-8AE7-F25BD2838CE8}">
      <dsp:nvSpPr>
        <dsp:cNvPr id="0" name=""/>
        <dsp:cNvSpPr/>
      </dsp:nvSpPr>
      <dsp:spPr>
        <a:xfrm>
          <a:off x="4848030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Platform design</a:t>
          </a:r>
        </a:p>
      </dsp:txBody>
      <dsp:txXfrm>
        <a:off x="5036808" y="1327443"/>
        <a:ext cx="946282" cy="945812"/>
      </dsp:txXfrm>
    </dsp:sp>
    <dsp:sp modelId="{AC4E8628-7BE7-42A7-8A2A-DD13DD0FD98F}">
      <dsp:nvSpPr>
        <dsp:cNvPr id="0" name=""/>
        <dsp:cNvSpPr/>
      </dsp:nvSpPr>
      <dsp:spPr>
        <a:xfrm rot="2700000">
          <a:off x="3334077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FEC910F-4E68-4925-AFE2-6F4A1970E313}">
      <dsp:nvSpPr>
        <dsp:cNvPr id="0" name=""/>
        <dsp:cNvSpPr/>
      </dsp:nvSpPr>
      <dsp:spPr>
        <a:xfrm>
          <a:off x="3382008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Objective</a:t>
          </a:r>
        </a:p>
      </dsp:txBody>
      <dsp:txXfrm>
        <a:off x="3570787" y="1327443"/>
        <a:ext cx="946282" cy="945812"/>
      </dsp:txXfrm>
    </dsp:sp>
    <dsp:sp modelId="{B13CB9E6-957C-4D0B-BB05-C3221F2F70F0}">
      <dsp:nvSpPr>
        <dsp:cNvPr id="0" name=""/>
        <dsp:cNvSpPr/>
      </dsp:nvSpPr>
      <dsp:spPr>
        <a:xfrm rot="2700000">
          <a:off x="1868056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F76725D-BB9E-408E-B088-DD95E7937C39}">
      <dsp:nvSpPr>
        <dsp:cNvPr id="0" name=""/>
        <dsp:cNvSpPr/>
      </dsp:nvSpPr>
      <dsp:spPr>
        <a:xfrm>
          <a:off x="1915987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RIGHT method</a:t>
          </a:r>
        </a:p>
      </dsp:txBody>
      <dsp:txXfrm>
        <a:off x="2104766" y="1327443"/>
        <a:ext cx="946282" cy="945812"/>
      </dsp:txXfrm>
    </dsp:sp>
    <dsp:sp modelId="{BCF55139-7438-476F-B5D9-01339D5E1CDE}">
      <dsp:nvSpPr>
        <dsp:cNvPr id="0" name=""/>
        <dsp:cNvSpPr/>
      </dsp:nvSpPr>
      <dsp:spPr>
        <a:xfrm rot="2700000">
          <a:off x="402035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4DBF55-6C79-4E92-93B9-2E07ECD720D8}">
      <dsp:nvSpPr>
        <dsp:cNvPr id="0" name=""/>
        <dsp:cNvSpPr/>
      </dsp:nvSpPr>
      <dsp:spPr>
        <a:xfrm>
          <a:off x="449966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Singapore mathematics pedagogy</a:t>
          </a:r>
        </a:p>
      </dsp:txBody>
      <dsp:txXfrm>
        <a:off x="638744" y="1327443"/>
        <a:ext cx="946282" cy="94581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F28F9D66-BBD2-44AB-AC84-506134EFD300}">
      <dsp:nvSpPr>
        <dsp:cNvPr id="0" name=""/>
        <dsp:cNvSpPr/>
      </dsp:nvSpPr>
      <dsp:spPr>
        <a:xfrm rot="5400000">
          <a:off x="-153483" y="154593"/>
          <a:ext cx="1023225" cy="716257"/>
        </a:xfrm>
        <a:prstGeom prst="chevron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R</a:t>
          </a:r>
        </a:p>
      </dsp:txBody>
      <dsp:txXfrm rot="-5400000">
        <a:off x="2" y="359238"/>
        <a:ext cx="716257" cy="306968"/>
      </dsp:txXfrm>
    </dsp:sp>
    <dsp:sp modelId="{533C836A-81D6-443A-877B-101147B2083F}">
      <dsp:nvSpPr>
        <dsp:cNvPr id="0" name=""/>
        <dsp:cNvSpPr/>
      </dsp:nvSpPr>
      <dsp:spPr>
        <a:xfrm rot="5400000">
          <a:off x="2202848" y="-1485481"/>
          <a:ext cx="665096" cy="363827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9525" rIns="9525" bIns="9525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kern="1200" dirty="0"/>
            <a:t>Read the word problem</a:t>
          </a:r>
        </a:p>
      </dsp:txBody>
      <dsp:txXfrm rot="-5400000">
        <a:off x="716258" y="33576"/>
        <a:ext cx="3605811" cy="600162"/>
      </dsp:txXfrm>
    </dsp:sp>
    <dsp:sp modelId="{E9A118D1-6E32-4178-ACD7-95B564606716}">
      <dsp:nvSpPr>
        <dsp:cNvPr id="0" name=""/>
        <dsp:cNvSpPr/>
      </dsp:nvSpPr>
      <dsp:spPr>
        <a:xfrm rot="5400000">
          <a:off x="-153483" y="1059853"/>
          <a:ext cx="1023225" cy="716257"/>
        </a:xfrm>
        <a:prstGeom prst="chevron">
          <a:avLst/>
        </a:prstGeom>
        <a:solidFill>
          <a:schemeClr val="accent2">
            <a:hueOff val="-363841"/>
            <a:satOff val="-20982"/>
            <a:lumOff val="2157"/>
            <a:alphaOff val="0"/>
          </a:schemeClr>
        </a:solidFill>
        <a:ln w="12700" cap="flat" cmpd="sng" algn="ctr">
          <a:solidFill>
            <a:schemeClr val="accent2">
              <a:hueOff val="-363841"/>
              <a:satOff val="-20982"/>
              <a:lumOff val="2157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/>
            <a:t>I</a:t>
          </a:r>
          <a:endParaRPr lang="en-US" sz="2000" kern="1200" dirty="0"/>
        </a:p>
      </dsp:txBody>
      <dsp:txXfrm rot="-5400000">
        <a:off x="2" y="1264498"/>
        <a:ext cx="716257" cy="306968"/>
      </dsp:txXfrm>
    </dsp:sp>
    <dsp:sp modelId="{D45C9EA8-A77C-4CE6-A8A1-BED18E476520}">
      <dsp:nvSpPr>
        <dsp:cNvPr id="0" name=""/>
        <dsp:cNvSpPr/>
      </dsp:nvSpPr>
      <dsp:spPr>
        <a:xfrm rot="5400000">
          <a:off x="2202848" y="-580220"/>
          <a:ext cx="665096" cy="363827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-363841"/>
              <a:satOff val="-20982"/>
              <a:lumOff val="2157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9525" rIns="9525" bIns="9525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kern="1200" dirty="0"/>
            <a:t>Identify the nouns, numeric values, and unknown variable</a:t>
          </a:r>
        </a:p>
      </dsp:txBody>
      <dsp:txXfrm rot="-5400000">
        <a:off x="716258" y="938837"/>
        <a:ext cx="3605811" cy="600162"/>
      </dsp:txXfrm>
    </dsp:sp>
    <dsp:sp modelId="{4B80C910-D253-4095-B452-BD97F79FECF2}">
      <dsp:nvSpPr>
        <dsp:cNvPr id="0" name=""/>
        <dsp:cNvSpPr/>
      </dsp:nvSpPr>
      <dsp:spPr>
        <a:xfrm rot="5400000">
          <a:off x="-153483" y="1965114"/>
          <a:ext cx="1023225" cy="716257"/>
        </a:xfrm>
        <a:prstGeom prst="chevron">
          <a:avLst/>
        </a:prstGeom>
        <a:solidFill>
          <a:schemeClr val="accent2">
            <a:hueOff val="-727682"/>
            <a:satOff val="-41964"/>
            <a:lumOff val="4314"/>
            <a:alphaOff val="0"/>
          </a:schemeClr>
        </a:solidFill>
        <a:ln w="12700" cap="flat" cmpd="sng" algn="ctr">
          <a:solidFill>
            <a:schemeClr val="accent2">
              <a:hueOff val="-727682"/>
              <a:satOff val="-41964"/>
              <a:lumOff val="4314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G</a:t>
          </a:r>
        </a:p>
      </dsp:txBody>
      <dsp:txXfrm rot="-5400000">
        <a:off x="2" y="2169759"/>
        <a:ext cx="716257" cy="306968"/>
      </dsp:txXfrm>
    </dsp:sp>
    <dsp:sp modelId="{7857B590-8ADF-43F6-90FB-0397F8702D28}">
      <dsp:nvSpPr>
        <dsp:cNvPr id="0" name=""/>
        <dsp:cNvSpPr/>
      </dsp:nvSpPr>
      <dsp:spPr>
        <a:xfrm rot="5400000">
          <a:off x="2202848" y="325039"/>
          <a:ext cx="665096" cy="363827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-727682"/>
              <a:satOff val="-41964"/>
              <a:lumOff val="4314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9525" rIns="9525" bIns="9525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kern="1200" dirty="0"/>
            <a:t>Graph these values in a box diagram</a:t>
          </a:r>
        </a:p>
      </dsp:txBody>
      <dsp:txXfrm rot="-5400000">
        <a:off x="716258" y="1844097"/>
        <a:ext cx="3605811" cy="600162"/>
      </dsp:txXfrm>
    </dsp:sp>
    <dsp:sp modelId="{699EF918-B1FA-4CC4-94E3-4EC85AC9D061}">
      <dsp:nvSpPr>
        <dsp:cNvPr id="0" name=""/>
        <dsp:cNvSpPr/>
      </dsp:nvSpPr>
      <dsp:spPr>
        <a:xfrm rot="5400000">
          <a:off x="-153483" y="2870375"/>
          <a:ext cx="1023225" cy="716257"/>
        </a:xfrm>
        <a:prstGeom prst="chevron">
          <a:avLst/>
        </a:prstGeom>
        <a:solidFill>
          <a:schemeClr val="accent2">
            <a:hueOff val="-1091522"/>
            <a:satOff val="-62946"/>
            <a:lumOff val="6471"/>
            <a:alphaOff val="0"/>
          </a:schemeClr>
        </a:solidFill>
        <a:ln w="12700" cap="flat" cmpd="sng" algn="ctr">
          <a:solidFill>
            <a:schemeClr val="accent2">
              <a:hueOff val="-1091522"/>
              <a:satOff val="-62946"/>
              <a:lumOff val="6471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H</a:t>
          </a:r>
        </a:p>
      </dsp:txBody>
      <dsp:txXfrm rot="-5400000">
        <a:off x="2" y="3075020"/>
        <a:ext cx="716257" cy="306968"/>
      </dsp:txXfrm>
    </dsp:sp>
    <dsp:sp modelId="{6D35463C-DC39-4D66-8CFF-C2F8C00625F8}">
      <dsp:nvSpPr>
        <dsp:cNvPr id="0" name=""/>
        <dsp:cNvSpPr/>
      </dsp:nvSpPr>
      <dsp:spPr>
        <a:xfrm rot="5400000">
          <a:off x="2202848" y="1230300"/>
          <a:ext cx="665096" cy="363827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-1091522"/>
              <a:satOff val="-62946"/>
              <a:lumOff val="6471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9525" rIns="9525" bIns="9525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kern="1200" dirty="0"/>
            <a:t>Have it done, the appropriate calculation by reasoning through the diagram</a:t>
          </a:r>
        </a:p>
      </dsp:txBody>
      <dsp:txXfrm rot="-5400000">
        <a:off x="716258" y="2749358"/>
        <a:ext cx="3605811" cy="600162"/>
      </dsp:txXfrm>
    </dsp:sp>
    <dsp:sp modelId="{9538292C-2DC9-4BB5-8E7F-9081274A074B}">
      <dsp:nvSpPr>
        <dsp:cNvPr id="0" name=""/>
        <dsp:cNvSpPr/>
      </dsp:nvSpPr>
      <dsp:spPr>
        <a:xfrm rot="5400000">
          <a:off x="-153483" y="3775636"/>
          <a:ext cx="1023225" cy="716257"/>
        </a:xfrm>
        <a:prstGeom prst="chevron">
          <a:avLst/>
        </a:prstGeom>
        <a:solidFill>
          <a:schemeClr val="accent2">
            <a:hueOff val="-1455363"/>
            <a:satOff val="-83928"/>
            <a:lumOff val="8628"/>
            <a:alphaOff val="0"/>
          </a:schemeClr>
        </a:solidFill>
        <a:ln w="12700" cap="flat" cmpd="sng" algn="ctr">
          <a:solidFill>
            <a:schemeClr val="accent2">
              <a:hueOff val="-1455363"/>
              <a:satOff val="-83928"/>
              <a:lumOff val="8628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T</a:t>
          </a:r>
        </a:p>
      </dsp:txBody>
      <dsp:txXfrm rot="-5400000">
        <a:off x="2" y="3980281"/>
        <a:ext cx="716257" cy="306968"/>
      </dsp:txXfrm>
    </dsp:sp>
    <dsp:sp modelId="{9B08CA03-76D8-4183-A78D-31B7F8B912A9}">
      <dsp:nvSpPr>
        <dsp:cNvPr id="0" name=""/>
        <dsp:cNvSpPr/>
      </dsp:nvSpPr>
      <dsp:spPr>
        <a:xfrm rot="5400000">
          <a:off x="2202848" y="2135561"/>
          <a:ext cx="665096" cy="3638278"/>
        </a:xfrm>
        <a:prstGeom prst="round2SameRect">
          <a:avLst/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2">
              <a:hueOff val="-1455363"/>
              <a:satOff val="-83928"/>
              <a:lumOff val="8628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6680" tIns="9525" rIns="9525" bIns="9525" numCol="1" spcCol="1270" anchor="ctr" anchorCtr="0">
          <a:noAutofit/>
        </a:bodyPr>
        <a:lstStyle/>
        <a:p>
          <a:pPr marL="114300" lvl="1" indent="-114300" algn="l" defTabSz="6667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500" kern="1200" dirty="0"/>
            <a:t>Triple check and review their work</a:t>
          </a:r>
        </a:p>
      </dsp:txBody>
      <dsp:txXfrm rot="-5400000">
        <a:off x="716258" y="3654619"/>
        <a:ext cx="3605811" cy="600162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0B72761-3C52-4E6E-BB72-BCD30A759C17}">
      <dsp:nvSpPr>
        <dsp:cNvPr id="0" name=""/>
        <dsp:cNvSpPr/>
      </dsp:nvSpPr>
      <dsp:spPr>
        <a:xfrm rot="5400000">
          <a:off x="4366858" y="134093"/>
          <a:ext cx="2062971" cy="1794784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Script</a:t>
          </a:r>
          <a:r>
            <a:rPr lang="en-US" sz="2000" kern="1200" baseline="30000" dirty="0"/>
            <a:t>1</a:t>
          </a:r>
          <a:endParaRPr lang="en-US" sz="2000" kern="1200" dirty="0"/>
        </a:p>
      </dsp:txBody>
      <dsp:txXfrm rot="-5400000">
        <a:off x="4780638" y="321480"/>
        <a:ext cx="1235410" cy="1420011"/>
      </dsp:txXfrm>
    </dsp:sp>
    <dsp:sp modelId="{9F3F2372-4D71-4AEB-9CF7-D248EEE45FA1}">
      <dsp:nvSpPr>
        <dsp:cNvPr id="0" name=""/>
        <dsp:cNvSpPr/>
      </dsp:nvSpPr>
      <dsp:spPr>
        <a:xfrm>
          <a:off x="6286790" y="422093"/>
          <a:ext cx="3615471" cy="12377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chemeClr val="bg1">
                  <a:lumMod val="75000"/>
                </a:schemeClr>
              </a:solidFill>
            </a:rPr>
            <a:t>A collection of discrete actions, followed to achieve a goal or specific outcome</a:t>
          </a:r>
        </a:p>
        <a:p>
          <a:pPr marL="0" lvl="0" indent="0" algn="l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chemeClr val="bg1">
                  <a:lumMod val="75000"/>
                </a:schemeClr>
              </a:solidFill>
            </a:rPr>
            <a:t>Ordering food at a restaurant</a:t>
          </a:r>
        </a:p>
      </dsp:txBody>
      <dsp:txXfrm>
        <a:off x="6286790" y="422093"/>
        <a:ext cx="3615471" cy="1237782"/>
      </dsp:txXfrm>
    </dsp:sp>
    <dsp:sp modelId="{43300D12-940F-4431-8776-8097C5339D32}">
      <dsp:nvSpPr>
        <dsp:cNvPr id="0" name=""/>
        <dsp:cNvSpPr/>
      </dsp:nvSpPr>
      <dsp:spPr>
        <a:xfrm rot="5400000">
          <a:off x="2452684" y="138489"/>
          <a:ext cx="2062971" cy="1794784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800" kern="1200"/>
        </a:p>
      </dsp:txBody>
      <dsp:txXfrm rot="-5400000">
        <a:off x="2866464" y="325876"/>
        <a:ext cx="1235410" cy="1420011"/>
      </dsp:txXfrm>
    </dsp:sp>
    <dsp:sp modelId="{A1773CA9-22EA-41C3-9144-877D617C1B8B}">
      <dsp:nvSpPr>
        <dsp:cNvPr id="0" name=""/>
        <dsp:cNvSpPr/>
      </dsp:nvSpPr>
      <dsp:spPr>
        <a:xfrm rot="5400000">
          <a:off x="3398221" y="1871446"/>
          <a:ext cx="2062971" cy="1794784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Schema</a:t>
          </a:r>
          <a:r>
            <a:rPr lang="en-US" sz="2000" kern="1200" baseline="30000" dirty="0"/>
            <a:t>2</a:t>
          </a:r>
          <a:endParaRPr lang="en-US" sz="2000" kern="1200" dirty="0"/>
        </a:p>
      </dsp:txBody>
      <dsp:txXfrm rot="-5400000">
        <a:off x="3812001" y="2058833"/>
        <a:ext cx="1235410" cy="1420011"/>
      </dsp:txXfrm>
    </dsp:sp>
    <dsp:sp modelId="{14E9446A-72C5-4AF7-A55B-8F9EC2F0B569}">
      <dsp:nvSpPr>
        <dsp:cNvPr id="0" name=""/>
        <dsp:cNvSpPr/>
      </dsp:nvSpPr>
      <dsp:spPr>
        <a:xfrm>
          <a:off x="0" y="2267958"/>
          <a:ext cx="3389559" cy="123778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chemeClr val="bg1">
                  <a:lumMod val="75000"/>
                </a:schemeClr>
              </a:solidFill>
            </a:rPr>
            <a:t>A consolidation of known methods to achieve a general goal</a:t>
          </a:r>
        </a:p>
        <a:p>
          <a:pPr marL="0" lvl="0" indent="0" algn="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chemeClr val="bg1">
                  <a:lumMod val="75000"/>
                </a:schemeClr>
              </a:solidFill>
            </a:rPr>
            <a:t>Methods to obtain meals (ordering food, cooking </a:t>
          </a:r>
          <a:r>
            <a:rPr lang="en-US" sz="2000" kern="1200" dirty="0" err="1">
              <a:solidFill>
                <a:schemeClr val="bg1">
                  <a:lumMod val="75000"/>
                </a:schemeClr>
              </a:solidFill>
            </a:rPr>
            <a:t>etc</a:t>
          </a:r>
          <a:r>
            <a:rPr lang="en-US" sz="2000" kern="1200" dirty="0">
              <a:solidFill>
                <a:schemeClr val="bg1">
                  <a:lumMod val="75000"/>
                </a:schemeClr>
              </a:solidFill>
            </a:rPr>
            <a:t>)</a:t>
          </a:r>
        </a:p>
      </dsp:txBody>
      <dsp:txXfrm>
        <a:off x="0" y="2267958"/>
        <a:ext cx="3389559" cy="1237782"/>
      </dsp:txXfrm>
    </dsp:sp>
    <dsp:sp modelId="{F25A9294-6F36-4A58-9590-60D4804F9FF7}">
      <dsp:nvSpPr>
        <dsp:cNvPr id="0" name=""/>
        <dsp:cNvSpPr/>
      </dsp:nvSpPr>
      <dsp:spPr>
        <a:xfrm rot="5400000">
          <a:off x="5307549" y="1871467"/>
          <a:ext cx="2062971" cy="1794784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2133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4800" kern="1200"/>
        </a:p>
      </dsp:txBody>
      <dsp:txXfrm rot="-5400000">
        <a:off x="5721329" y="2058854"/>
        <a:ext cx="1235410" cy="1420011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458E9F0-DD1D-4355-9471-52B5D9D35651}">
      <dsp:nvSpPr>
        <dsp:cNvPr id="0" name=""/>
        <dsp:cNvSpPr/>
      </dsp:nvSpPr>
      <dsp:spPr>
        <a:xfrm>
          <a:off x="1048" y="1935474"/>
          <a:ext cx="1332034" cy="1098650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955A616-76E6-4663-88F6-8903C175CF26}">
      <dsp:nvSpPr>
        <dsp:cNvPr id="0" name=""/>
        <dsp:cNvSpPr/>
      </dsp:nvSpPr>
      <dsp:spPr>
        <a:xfrm rot="1459072">
          <a:off x="741546" y="966526"/>
          <a:ext cx="3579185" cy="4484970"/>
        </a:xfrm>
        <a:prstGeom prst="leftCircularArrow">
          <a:avLst>
            <a:gd name="adj1" fmla="val 1235"/>
            <a:gd name="adj2" fmla="val 145398"/>
            <a:gd name="adj3" fmla="val 1940986"/>
            <a:gd name="adj4" fmla="val 9044567"/>
            <a:gd name="adj5" fmla="val 1441"/>
          </a:avLst>
        </a:prstGeom>
        <a:solidFill>
          <a:schemeClr val="accent6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C4332EA-9584-450B-BE53-A2A23E62CA7B}">
      <dsp:nvSpPr>
        <dsp:cNvPr id="0" name=""/>
        <dsp:cNvSpPr/>
      </dsp:nvSpPr>
      <dsp:spPr>
        <a:xfrm>
          <a:off x="297056" y="2798699"/>
          <a:ext cx="1184031" cy="470850"/>
        </a:xfrm>
        <a:prstGeom prst="roundRect">
          <a:avLst>
            <a:gd name="adj" fmla="val 10000"/>
          </a:avLst>
        </a:prstGeom>
        <a:solidFill>
          <a:srgbClr val="92D05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/>
            <a:t>Lecture</a:t>
          </a:r>
        </a:p>
      </dsp:txBody>
      <dsp:txXfrm>
        <a:off x="310847" y="2812490"/>
        <a:ext cx="1156449" cy="443268"/>
      </dsp:txXfrm>
    </dsp:sp>
    <dsp:sp modelId="{581EC0AD-D544-4D51-8FA2-98D7A5DDBCE4}">
      <dsp:nvSpPr>
        <dsp:cNvPr id="0" name=""/>
        <dsp:cNvSpPr/>
      </dsp:nvSpPr>
      <dsp:spPr>
        <a:xfrm>
          <a:off x="1744802" y="383746"/>
          <a:ext cx="6456892" cy="4202106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4CD6DC0-8B6E-4862-8B74-D1D9EA34C857}">
      <dsp:nvSpPr>
        <dsp:cNvPr id="0" name=""/>
        <dsp:cNvSpPr/>
      </dsp:nvSpPr>
      <dsp:spPr>
        <a:xfrm rot="20471295">
          <a:off x="6858678" y="52442"/>
          <a:ext cx="2369952" cy="2523823"/>
        </a:xfrm>
        <a:prstGeom prst="circularArrow">
          <a:avLst>
            <a:gd name="adj1" fmla="val 2558"/>
            <a:gd name="adj2" fmla="val 310372"/>
            <a:gd name="adj3" fmla="val 1019020"/>
            <a:gd name="adj4" fmla="val 15680413"/>
            <a:gd name="adj5" fmla="val 2984"/>
          </a:avLst>
        </a:prstGeom>
        <a:solidFill>
          <a:schemeClr val="accent6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A2634C9-C0F2-414C-96CF-E92233AD905E}">
      <dsp:nvSpPr>
        <dsp:cNvPr id="0" name=""/>
        <dsp:cNvSpPr/>
      </dsp:nvSpPr>
      <dsp:spPr>
        <a:xfrm>
          <a:off x="7297656" y="303324"/>
          <a:ext cx="1184031" cy="470850"/>
        </a:xfrm>
        <a:prstGeom prst="roundRect">
          <a:avLst>
            <a:gd name="adj" fmla="val 10000"/>
          </a:avLst>
        </a:prstGeom>
        <a:solidFill>
          <a:srgbClr val="92D05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/>
            <a:t>Structured</a:t>
          </a:r>
        </a:p>
      </dsp:txBody>
      <dsp:txXfrm>
        <a:off x="7311447" y="317115"/>
        <a:ext cx="1156449" cy="443268"/>
      </dsp:txXfrm>
    </dsp:sp>
    <dsp:sp modelId="{EF084AEA-C326-4E4A-A61C-BD1CEEE48138}">
      <dsp:nvSpPr>
        <dsp:cNvPr id="0" name=""/>
        <dsp:cNvSpPr/>
      </dsp:nvSpPr>
      <dsp:spPr>
        <a:xfrm>
          <a:off x="8465411" y="1935474"/>
          <a:ext cx="1332034" cy="1098650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05625CB-F80A-4674-9DC9-700F0DEB79FF}">
      <dsp:nvSpPr>
        <dsp:cNvPr id="0" name=""/>
        <dsp:cNvSpPr/>
      </dsp:nvSpPr>
      <dsp:spPr>
        <a:xfrm>
          <a:off x="9200953" y="2150353"/>
          <a:ext cx="1538102" cy="1538102"/>
        </a:xfrm>
        <a:prstGeom prst="leftCircularArrow">
          <a:avLst>
            <a:gd name="adj1" fmla="val 3601"/>
            <a:gd name="adj2" fmla="val 447821"/>
            <a:gd name="adj3" fmla="val 2223332"/>
            <a:gd name="adj4" fmla="val 9024489"/>
            <a:gd name="adj5" fmla="val 4201"/>
          </a:avLst>
        </a:prstGeom>
        <a:solidFill>
          <a:schemeClr val="accent6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7F2BADE-5328-4307-BDB2-7D733B67985F}">
      <dsp:nvSpPr>
        <dsp:cNvPr id="0" name=""/>
        <dsp:cNvSpPr/>
      </dsp:nvSpPr>
      <dsp:spPr>
        <a:xfrm>
          <a:off x="8761419" y="2798699"/>
          <a:ext cx="1184031" cy="470850"/>
        </a:xfrm>
        <a:prstGeom prst="roundRect">
          <a:avLst>
            <a:gd name="adj" fmla="val 10000"/>
          </a:avLst>
        </a:prstGeom>
        <a:solidFill>
          <a:srgbClr val="92D05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/>
            <a:t>Unstructured</a:t>
          </a:r>
        </a:p>
      </dsp:txBody>
      <dsp:txXfrm>
        <a:off x="8775210" y="2812490"/>
        <a:ext cx="1156449" cy="443268"/>
      </dsp:txXfrm>
    </dsp:sp>
    <dsp:sp modelId="{B2009FAC-F6A9-472B-A24D-AA5FFE9B2018}">
      <dsp:nvSpPr>
        <dsp:cNvPr id="0" name=""/>
        <dsp:cNvSpPr/>
      </dsp:nvSpPr>
      <dsp:spPr>
        <a:xfrm>
          <a:off x="10209165" y="1935474"/>
          <a:ext cx="1332034" cy="1098650"/>
        </a:xfrm>
        <a:prstGeom prst="roundRect">
          <a:avLst>
            <a:gd name="adj" fmla="val 10000"/>
          </a:avLst>
        </a:prstGeom>
        <a:solidFill>
          <a:schemeClr val="lt1">
            <a:alpha val="9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CB6F653-7007-4204-8DA6-30C354196839}">
      <dsp:nvSpPr>
        <dsp:cNvPr id="0" name=""/>
        <dsp:cNvSpPr/>
      </dsp:nvSpPr>
      <dsp:spPr>
        <a:xfrm>
          <a:off x="10505173" y="1700049"/>
          <a:ext cx="1184031" cy="470850"/>
        </a:xfrm>
        <a:prstGeom prst="roundRect">
          <a:avLst>
            <a:gd name="adj" fmla="val 10000"/>
          </a:avLst>
        </a:prstGeom>
        <a:solidFill>
          <a:srgbClr val="92D050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6670" tIns="17780" rIns="26670" bIns="1778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 dirty="0"/>
            <a:t>Multiple-Choice</a:t>
          </a:r>
        </a:p>
      </dsp:txBody>
      <dsp:txXfrm>
        <a:off x="10518964" y="1713840"/>
        <a:ext cx="1156449" cy="443268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48EB86A-D645-4952-AFE7-6FF7F3F90765}">
      <dsp:nvSpPr>
        <dsp:cNvPr id="0" name=""/>
        <dsp:cNvSpPr/>
      </dsp:nvSpPr>
      <dsp:spPr>
        <a:xfrm>
          <a:off x="10665517" y="1090927"/>
          <a:ext cx="1418229" cy="1418843"/>
        </a:xfrm>
        <a:prstGeom prst="ellipse">
          <a:avLst/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4D905EE-673B-42C0-88A0-D1D3F84C83DE}">
      <dsp:nvSpPr>
        <dsp:cNvPr id="0" name=""/>
        <dsp:cNvSpPr/>
      </dsp:nvSpPr>
      <dsp:spPr>
        <a:xfrm>
          <a:off x="10712114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Discussion</a:t>
          </a:r>
        </a:p>
      </dsp:txBody>
      <dsp:txXfrm>
        <a:off x="10900893" y="1327443"/>
        <a:ext cx="946282" cy="945812"/>
      </dsp:txXfrm>
    </dsp:sp>
    <dsp:sp modelId="{B6218B0F-8DC2-41AD-95FF-B93E0E1AEC19}">
      <dsp:nvSpPr>
        <dsp:cNvPr id="0" name=""/>
        <dsp:cNvSpPr/>
      </dsp:nvSpPr>
      <dsp:spPr>
        <a:xfrm rot="2700000">
          <a:off x="9198162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5C1C9DA-8466-45A0-A07B-E03018529448}">
      <dsp:nvSpPr>
        <dsp:cNvPr id="0" name=""/>
        <dsp:cNvSpPr/>
      </dsp:nvSpPr>
      <dsp:spPr>
        <a:xfrm>
          <a:off x="9246093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Clustering</a:t>
          </a:r>
        </a:p>
      </dsp:txBody>
      <dsp:txXfrm>
        <a:off x="9434872" y="1327443"/>
        <a:ext cx="946282" cy="945812"/>
      </dsp:txXfrm>
    </dsp:sp>
    <dsp:sp modelId="{2FEAAE9B-79FE-45F6-B64B-66AF7C69F8AE}">
      <dsp:nvSpPr>
        <dsp:cNvPr id="0" name=""/>
        <dsp:cNvSpPr/>
      </dsp:nvSpPr>
      <dsp:spPr>
        <a:xfrm rot="2700000">
          <a:off x="7732141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1B5A1B1-64E5-48F4-A0B8-F3B07178B9E7}">
      <dsp:nvSpPr>
        <dsp:cNvPr id="0" name=""/>
        <dsp:cNvSpPr/>
      </dsp:nvSpPr>
      <dsp:spPr>
        <a:xfrm>
          <a:off x="7780072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Preprocessing</a:t>
          </a:r>
        </a:p>
      </dsp:txBody>
      <dsp:txXfrm>
        <a:off x="7968851" y="1327443"/>
        <a:ext cx="946282" cy="945812"/>
      </dsp:txXfrm>
    </dsp:sp>
    <dsp:sp modelId="{B1C7B13A-809D-4DE3-8B96-B28874310F70}">
      <dsp:nvSpPr>
        <dsp:cNvPr id="0" name=""/>
        <dsp:cNvSpPr/>
      </dsp:nvSpPr>
      <dsp:spPr>
        <a:xfrm rot="2700000">
          <a:off x="6266120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909F097-30E0-483E-93B6-2CE6D5866818}">
      <dsp:nvSpPr>
        <dsp:cNvPr id="0" name=""/>
        <dsp:cNvSpPr/>
      </dsp:nvSpPr>
      <dsp:spPr>
        <a:xfrm>
          <a:off x="6314051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/>
            <a:t>Data </a:t>
          </a:r>
          <a:r>
            <a:rPr lang="en-US" sz="1200" kern="1200" dirty="0"/>
            <a:t>Collection</a:t>
          </a:r>
        </a:p>
      </dsp:txBody>
      <dsp:txXfrm>
        <a:off x="6502829" y="1327443"/>
        <a:ext cx="946282" cy="945812"/>
      </dsp:txXfrm>
    </dsp:sp>
    <dsp:sp modelId="{13C5187D-D36C-4AAC-9236-989E8271FAD5}">
      <dsp:nvSpPr>
        <dsp:cNvPr id="0" name=""/>
        <dsp:cNvSpPr/>
      </dsp:nvSpPr>
      <dsp:spPr>
        <a:xfrm rot="2700000">
          <a:off x="4800099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B24207E-0AFA-4080-8AE7-F25BD2838CE8}">
      <dsp:nvSpPr>
        <dsp:cNvPr id="0" name=""/>
        <dsp:cNvSpPr/>
      </dsp:nvSpPr>
      <dsp:spPr>
        <a:xfrm>
          <a:off x="4848030" y="1138230"/>
          <a:ext cx="1323839" cy="1324237"/>
        </a:xfrm>
        <a:prstGeom prst="ellipse">
          <a:avLst/>
        </a:prstGeom>
        <a:solidFill>
          <a:schemeClr val="accent6">
            <a:lumMod val="60000"/>
            <a:lumOff val="40000"/>
            <a:alpha val="9000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Platform design</a:t>
          </a:r>
        </a:p>
      </dsp:txBody>
      <dsp:txXfrm>
        <a:off x="5036808" y="1327443"/>
        <a:ext cx="946282" cy="945812"/>
      </dsp:txXfrm>
    </dsp:sp>
    <dsp:sp modelId="{AC4E8628-7BE7-42A7-8A2A-DD13DD0FD98F}">
      <dsp:nvSpPr>
        <dsp:cNvPr id="0" name=""/>
        <dsp:cNvSpPr/>
      </dsp:nvSpPr>
      <dsp:spPr>
        <a:xfrm rot="2700000">
          <a:off x="3334077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FEC910F-4E68-4925-AFE2-6F4A1970E313}">
      <dsp:nvSpPr>
        <dsp:cNvPr id="0" name=""/>
        <dsp:cNvSpPr/>
      </dsp:nvSpPr>
      <dsp:spPr>
        <a:xfrm>
          <a:off x="3382008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Objective</a:t>
          </a:r>
        </a:p>
      </dsp:txBody>
      <dsp:txXfrm>
        <a:off x="3570787" y="1327443"/>
        <a:ext cx="946282" cy="945812"/>
      </dsp:txXfrm>
    </dsp:sp>
    <dsp:sp modelId="{B13CB9E6-957C-4D0B-BB05-C3221F2F70F0}">
      <dsp:nvSpPr>
        <dsp:cNvPr id="0" name=""/>
        <dsp:cNvSpPr/>
      </dsp:nvSpPr>
      <dsp:spPr>
        <a:xfrm rot="2700000">
          <a:off x="1868056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F76725D-BB9E-408E-B088-DD95E7937C39}">
      <dsp:nvSpPr>
        <dsp:cNvPr id="0" name=""/>
        <dsp:cNvSpPr/>
      </dsp:nvSpPr>
      <dsp:spPr>
        <a:xfrm>
          <a:off x="1915987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RIGHT method</a:t>
          </a:r>
        </a:p>
      </dsp:txBody>
      <dsp:txXfrm>
        <a:off x="2104766" y="1327443"/>
        <a:ext cx="946282" cy="945812"/>
      </dsp:txXfrm>
    </dsp:sp>
    <dsp:sp modelId="{BCF55139-7438-476F-B5D9-01339D5E1CDE}">
      <dsp:nvSpPr>
        <dsp:cNvPr id="0" name=""/>
        <dsp:cNvSpPr/>
      </dsp:nvSpPr>
      <dsp:spPr>
        <a:xfrm rot="2700000">
          <a:off x="402035" y="1090971"/>
          <a:ext cx="1418506" cy="1418506"/>
        </a:xfrm>
        <a:prstGeom prst="teardrop">
          <a:avLst>
            <a:gd name="adj" fmla="val 10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shade val="8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4DBF55-6C79-4E92-93B9-2E07ECD720D8}">
      <dsp:nvSpPr>
        <dsp:cNvPr id="0" name=""/>
        <dsp:cNvSpPr/>
      </dsp:nvSpPr>
      <dsp:spPr>
        <a:xfrm>
          <a:off x="449966" y="1138230"/>
          <a:ext cx="1323839" cy="1324237"/>
        </a:xfrm>
        <a:prstGeom prst="ellipse">
          <a:avLst/>
        </a:prstGeom>
        <a:solidFill>
          <a:schemeClr val="accent6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6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5240" tIns="15240" rIns="15240" bIns="15240" numCol="1" spcCol="1270" anchor="ctr" anchorCtr="0">
          <a:noAutofit/>
        </a:bodyPr>
        <a:lstStyle/>
        <a:p>
          <a:pPr marL="0" lvl="0" indent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200" kern="1200" dirty="0"/>
            <a:t>Singapore mathematics pedagogy</a:t>
          </a:r>
        </a:p>
      </dsp:txBody>
      <dsp:txXfrm>
        <a:off x="638744" y="1327443"/>
        <a:ext cx="946282" cy="945812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1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fgAcc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hProcess4">
  <dgm:title val=""/>
  <dgm:desc val=""/>
  <dgm:catLst>
    <dgm:cat type="process" pri="4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tSp" refType="w"/>
      <dgm:constr type="h" for="ch" forName="tSp" refType="h" fact="0.15"/>
      <dgm:constr type="l" for="ch" forName="tSp"/>
      <dgm:constr type="t" for="ch" forName="tSp"/>
      <dgm:constr type="w" for="ch" forName="bSp" refType="w"/>
      <dgm:constr type="h" for="ch" forName="bSp" refType="h" fact="0.15"/>
      <dgm:constr type="l" for="ch" forName="bSp"/>
      <dgm:constr type="t" for="ch" forName="bSp" refType="h" fact="0.85"/>
      <dgm:constr type="w" for="ch" forName="process" refType="w"/>
      <dgm:constr type="h" for="ch" forName="process" refType="h" fact="0.7"/>
      <dgm:constr type="l" for="ch" forName="process"/>
      <dgm:constr type="t" for="ch" forName="process" refType="h" fact="0.15"/>
    </dgm:constrLst>
    <dgm:ruleLst/>
    <dgm:layoutNode name="t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bSp">
      <dgm:alg type="sp"/>
      <dgm:shape xmlns:r="http://schemas.openxmlformats.org/officeDocument/2006/relationships" r:blip="">
        <dgm:adjLst/>
      </dgm:shape>
      <dgm:presOf/>
      <dgm:constrLst/>
      <dgm:ruleLst/>
    </dgm:layoutNode>
    <dgm:layoutNode name="process">
      <dgm:choose name="Name1">
        <dgm:if name="Name2" func="var" arg="dir" op="equ" val="norm">
          <dgm:alg type="lin">
            <dgm:param type="linDir" val="fromL"/>
          </dgm:alg>
        </dgm:if>
        <dgm:else name="Name3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1" refType="w"/>
        <dgm:constr type="w" for="ch" forName="composite2" refType="w" refFor="ch" refForName="composite1" op="equ"/>
        <dgm:constr type="h" for="ch" forName="composite1" refType="h"/>
        <dgm:constr type="h" for="ch" forName="composite2" refType="h" refFor="ch" refForName="composite1" op="equ"/>
        <dgm:constr type="primFontSz" for="des" forName="parentNode1" val="65"/>
        <dgm:constr type="primFontSz" for="des" forName="parentNode2" refType="primFontSz" refFor="des" refForName="parentNode1" op="equ"/>
        <dgm:constr type="secFontSz" for="des" forName="childNode1tx" val="65"/>
        <dgm:constr type="secFontSz" for="des" forName="childNode2tx" refType="secFontSz" refFor="des" refForName="childNode1tx" op="equ"/>
        <dgm:constr type="w" for="des" ptType="sibTrans" refType="w" refFor="ch" refForName="composite1" op="equ" fact="0.05"/>
      </dgm:constrLst>
      <dgm:ruleLst/>
      <dgm:forEach name="Name4" axis="ch" ptType="node" step="2">
        <dgm:layoutNode name="composite1">
          <dgm:alg type="composite">
            <dgm:param type="ar" val="0.943"/>
          </dgm:alg>
          <dgm:shape xmlns:r="http://schemas.openxmlformats.org/officeDocument/2006/relationships" r:blip="">
            <dgm:adjLst/>
          </dgm:shape>
          <dgm:presOf/>
          <dgm:choose name="Name5">
            <dgm:if name="Name6" func="var" arg="dir" op="equ" val="norm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 refType="w" fact="0.2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35"/>
              </dgm:constrLst>
            </dgm:if>
            <dgm:else name="Name7">
              <dgm:constrLst>
                <dgm:constr type="h" refType="w" fact="1.06"/>
                <dgm:constr type="w" for="ch" forName="dummyNode1" refType="w"/>
                <dgm:constr type="h" for="ch" forName="dummyNode1" refType="h"/>
                <dgm:constr type="t" for="ch" forName="dummyNode1"/>
                <dgm:constr type="l" for="ch" forName="dummyNode1"/>
                <dgm:constr type="w" for="ch" forName="childNode1" refType="w" fact="0.9"/>
                <dgm:constr type="h" for="ch" forName="childNode1" refType="h" fact="0.7"/>
                <dgm:constr type="t" for="ch" forName="childNode1" refType="h" fact="0.15"/>
                <dgm:constr type="l" for="ch" forName="childNode1" refType="w" fact="0.1"/>
                <dgm:constr type="w" for="ch" forName="childNode1tx" refType="w" fact="0.9"/>
                <dgm:constr type="h" for="ch" forName="childNode1tx" refType="h" fact="0.55"/>
                <dgm:constr type="t" for="ch" forName="childNode1tx" refType="h" fact="0.15"/>
                <dgm:constr type="l" for="ch" forName="childNode1tx" refType="w" fact="0.1"/>
                <dgm:constr type="w" for="ch" forName="parentNode1" refType="w" fact="0.8"/>
                <dgm:constr type="h" for="ch" forName="parentNode1" refType="h" fact="0.3"/>
                <dgm:constr type="t" for="ch" forName="parentNode1" refType="h" fact="0.7"/>
                <dgm:constr type="l" for="ch" forName="parentNode1"/>
                <dgm:constr type="w" for="ch" forName="connSite1" refType="w" fact="0.01"/>
                <dgm:constr type="h" for="ch" forName="connSite1" refType="h" fact="0.01"/>
                <dgm:constr type="t" for="ch" forName="connSite1"/>
                <dgm:constr type="l" for="ch" forName="connSite1" refType="w" fact="0.65"/>
              </dgm:constrLst>
            </dgm:else>
          </dgm:choose>
          <dgm:ruleLst/>
          <dgm:layoutNode name="dummyNode1">
            <dgm:alg type="sp"/>
            <dgm:shape xmlns:r="http://schemas.openxmlformats.org/officeDocument/2006/relationships" type="rect" r:blip="" hideGeom="1">
              <dgm:adjLst/>
            </dgm:shape>
            <dgm:presOf/>
            <dgm:constrLst/>
            <dgm:ruleLst/>
          </dgm:layoutNode>
          <dgm:layoutNode name="childNode1" styleLbl="bgAcc1">
            <dgm:varLst>
              <dgm:bulletEnabled val="1"/>
            </dgm:varLst>
            <dgm:alg type="sp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des" ptType="node"/>
            <dgm:constrLst/>
            <dgm:ruleLst/>
          </dgm:layoutNode>
          <dgm:layoutNode name="childNode1tx" styleLbl="bgAcc1">
            <dgm:varLst>
              <dgm:bulletEnabled val="1"/>
            </dgm:varLst>
            <dgm:alg type="tx">
              <dgm:param type="stBulletLvl" val="1"/>
            </dgm:alg>
            <dgm:shape xmlns:r="http://schemas.openxmlformats.org/officeDocument/2006/relationships" type="roundRect" r:blip="" hideGeom="1">
              <dgm:adjLst>
                <dgm:adj idx="1" val="0.1"/>
              </dgm:adjLst>
            </dgm:shape>
            <dgm:presOf axis="des" ptType="node"/>
            <dgm:constrLst>
              <dgm:constr type="secFontSz" val="65"/>
              <dgm:constr type="primFontSz" refType="secFontSz"/>
              <dgm:constr type="tMarg" refType="secFontSz" fact="0.15"/>
              <dgm:constr type="bMarg" refType="secFontSz" fact="0.15"/>
              <dgm:constr type="lMarg" refType="secFontSz" fact="0.15"/>
              <dgm:constr type="rMarg" refType="secFontSz" fact="0.15"/>
            </dgm:constrLst>
            <dgm:ruleLst>
              <dgm:rule type="secFontSz" val="5" fact="NaN" max="NaN"/>
            </dgm:ruleLst>
          </dgm:layoutNode>
          <dgm:layoutNode name="parentNode1" styleLbl="node1">
            <dgm:varLst>
              <dgm:chMax val="1"/>
              <dgm:bulletEnabled val="1"/>
            </dgm:varLst>
            <dgm:alg type="tx"/>
            <dgm:shape xmlns:r="http://schemas.openxmlformats.org/officeDocument/2006/relationships" type="roundRect" r:blip="">
              <dgm:adjLst>
                <dgm:adj idx="1" val="0.1"/>
              </dgm:adjLst>
            </dgm:shape>
            <dgm:presOf axis="self"/>
            <dgm:constrLst>
              <dgm:constr type="tMarg" refType="primFontSz" fact="0.1"/>
              <dgm:constr type="bMarg" refType="primFontSz" fact="0.1"/>
              <dgm:constr type="lMarg" refType="primFontSz" fact="0.15"/>
              <dgm:constr type="rMarg" refType="primFontSz" fact="0.15"/>
            </dgm:constrLst>
            <dgm:ruleLst>
              <dgm:rule type="primFontSz" val="5" fact="NaN" max="NaN"/>
            </dgm:ruleLst>
          </dgm:layoutNode>
          <dgm:layoutNode name="connSite1" moveWith="childNode1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layoutNode>
        <dgm:forEach name="Name8" axis="followSib" ptType="sibTrans" cnt="1">
          <dgm:layoutNode name="Name9">
            <dgm:alg type="conn">
              <dgm:param type="connRout" val="curve"/>
              <dgm:param type="srcNode" val="parentNode1"/>
              <dgm:param type="dstNode" val="connSite2"/>
              <dgm:param type="begPts" val="bCtr"/>
              <dgm:param type="endPts" val="bCtr"/>
            </dgm:alg>
            <dgm:shape xmlns:r="http://schemas.openxmlformats.org/officeDocument/2006/relationships" type="conn" r:blip="" zOrderOff="-2">
              <dgm:adjLst/>
            </dgm:shape>
            <dgm:presOf axis="self"/>
            <dgm:choose name="Name10">
              <dgm:if name="Name11" func="var" arg="dir" op="equ" val="norm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-1.15"/>
                  <dgm:constr type="begPad"/>
                  <dgm:constr type="endPad"/>
                </dgm:constrLst>
              </dgm:if>
              <dgm:else name="Name12">
                <dgm:constrLst>
                  <dgm:constr type="h" refType="w" fact="0.35"/>
                  <dgm:constr type="wArH" refType="h"/>
                  <dgm:constr type="hArH" refType="h"/>
                  <dgm:constr type="connDist"/>
                  <dgm:constr type="diam" refType="connDist" fact="1.15"/>
                  <dgm:constr type="begPad"/>
                  <dgm:constr type="endPad"/>
                </dgm:constrLst>
              </dgm:else>
            </dgm:choose>
            <dgm:ruleLst/>
          </dgm:layoutNode>
        </dgm:forEach>
        <dgm:forEach name="Name13" axis="followSib" ptType="node" cnt="1">
          <dgm:layoutNode name="composite2">
            <dgm:alg type="composite">
              <dgm:param type="ar" val="0.943"/>
            </dgm:alg>
            <dgm:shape xmlns:r="http://schemas.openxmlformats.org/officeDocument/2006/relationships" r:blip="">
              <dgm:adjLst/>
            </dgm:shape>
            <dgm:presOf/>
            <dgm:choose name="Name14">
              <dgm:if name="Name15" func="var" arg="dir" op="equ" val="norm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 refType="w" fact="0.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25"/>
                </dgm:constrLst>
              </dgm:if>
              <dgm:else name="Name16">
                <dgm:constrLst>
                  <dgm:constr type="h" refType="w" fact="1.06"/>
                  <dgm:constr type="w" for="ch" forName="dummyNode2" refType="w"/>
                  <dgm:constr type="h" for="ch" forName="dummyNode2" refType="h"/>
                  <dgm:constr type="t" for="ch" forName="dummyNode2"/>
                  <dgm:constr type="l" for="ch" forName="dummyNode2"/>
                  <dgm:constr type="w" for="ch" forName="childNode2" refType="w" fact="0.9"/>
                  <dgm:constr type="h" for="ch" forName="childNode2" refType="h" fact="0.7"/>
                  <dgm:constr type="t" for="ch" forName="childNode2" refType="h" fact="0.15"/>
                  <dgm:constr type="l" for="ch" forName="childNode2" refType="w" fact="0.1"/>
                  <dgm:constr type="w" for="ch" forName="childNode2tx" refType="w" fact="0.9"/>
                  <dgm:constr type="h" for="ch" forName="childNode2tx" refType="h" fact="0.55"/>
                  <dgm:constr type="t" for="ch" forName="childNode2tx" refType="h" fact="0.3"/>
                  <dgm:constr type="l" for="ch" forName="childNode2tx" refType="w" fact="0.1"/>
                  <dgm:constr type="w" for="ch" forName="parentNode2" refType="w" fact="0.8"/>
                  <dgm:constr type="h" for="ch" forName="parentNode2" refType="h" fact="0.3"/>
                  <dgm:constr type="t" for="ch" forName="parentNode2"/>
                  <dgm:constr type="l" for="ch" forName="parentNode2"/>
                  <dgm:constr type="w" for="ch" forName="connSite2" refType="w" fact="0.01"/>
                  <dgm:constr type="h" for="ch" forName="connSite2" refType="h" fact="0.01"/>
                  <dgm:constr type="t" for="ch" forName="connSite2" refType="h" fact="0.99"/>
                  <dgm:constr type="l" for="ch" forName="connSite2" refType="w" fact="0.85"/>
                </dgm:constrLst>
              </dgm:else>
            </dgm:choose>
            <dgm:ruleLst/>
            <dgm:layoutNode name="dummyNode2">
              <dgm:alg type="sp"/>
              <dgm:shape xmlns:r="http://schemas.openxmlformats.org/officeDocument/2006/relationships" type="rect" r:blip="" hideGeom="1">
                <dgm:adjLst/>
              </dgm:shape>
              <dgm:presOf/>
              <dgm:constrLst/>
              <dgm:ruleLst/>
            </dgm:layoutNode>
            <dgm:layoutNode name="childNode2" styleLbl="bgAcc1">
              <dgm:varLst>
                <dgm:bulletEnabled val="1"/>
              </dgm:varLst>
              <dgm:alg type="sp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des" ptType="node"/>
              <dgm:constrLst/>
              <dgm:ruleLst/>
            </dgm:layoutNode>
            <dgm:layoutNode name="childNode2tx" styleLbl="bgAcc1">
              <dgm:varLst>
                <dgm:bulletEnabled val="1"/>
              </dgm:varLst>
              <dgm:alg type="tx">
                <dgm:param type="stBulletLvl" val="1"/>
              </dgm:alg>
              <dgm:shape xmlns:r="http://schemas.openxmlformats.org/officeDocument/2006/relationships" type="roundRect" r:blip="" hideGeom="1">
                <dgm:adjLst>
                  <dgm:adj idx="1" val="0.1"/>
                </dgm:adjLst>
              </dgm:shape>
              <dgm:presOf axis="des" ptType="node"/>
              <dgm:constrLst>
                <dgm:constr type="secFontSz" val="65"/>
                <dgm:constr type="primFontSz" refType="secFontSz"/>
                <dgm:constr type="tMarg" refType="secFontSz" fact="0.15"/>
                <dgm:constr type="bMarg" refType="secFontSz" fact="0.15"/>
                <dgm:constr type="lMarg" refType="secFontSz" fact="0.15"/>
                <dgm:constr type="rMarg" refType="secFontSz" fact="0.15"/>
              </dgm:constrLst>
              <dgm:ruleLst>
                <dgm:rule type="secFontSz" val="5" fact="NaN" max="NaN"/>
              </dgm:ruleLst>
            </dgm:layoutNode>
            <dgm:layoutNode name="parentNode2" styleLbl="node1">
              <dgm:varLst>
                <dgm:chMax val="0"/>
                <dgm:bulletEnabled val="1"/>
              </dgm:varLst>
              <dgm:alg type="tx"/>
              <dgm:shape xmlns:r="http://schemas.openxmlformats.org/officeDocument/2006/relationships" type="roundRect" r:blip="">
                <dgm:adjLst>
                  <dgm:adj idx="1" val="0.1"/>
                </dgm:adjLst>
              </dgm:shape>
              <dgm:presOf axis="self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</dgm:ruleLst>
            </dgm:layoutNode>
            <dgm:layoutNode name="connSite2" moveWith="childNode2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layoutNode>
          <dgm:forEach name="Name17" axis="followSib" ptType="sibTrans" cnt="1">
            <dgm:layoutNode name="Name18">
              <dgm:alg type="conn">
                <dgm:param type="connRout" val="curve"/>
                <dgm:param type="srcNode" val="parentNode2"/>
                <dgm:param type="dstNode" val="connSite1"/>
                <dgm:param type="begPts" val="tCtr"/>
                <dgm:param type="endPts" val="tCtr"/>
              </dgm:alg>
              <dgm:shape xmlns:r="http://schemas.openxmlformats.org/officeDocument/2006/relationships" type="conn" r:blip="" zOrderOff="-2">
                <dgm:adjLst/>
              </dgm:shape>
              <dgm:presOf axis="self"/>
              <dgm:choose name="Name19">
                <dgm:if name="Name20" func="var" arg="dir" op="equ" val="norm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1.15"/>
                    <dgm:constr type="begPad"/>
                    <dgm:constr type="endPad"/>
                  </dgm:constrLst>
                </dgm:if>
                <dgm:else name="Name21">
                  <dgm:constrLst>
                    <dgm:constr type="h" refType="w" fact="0.35"/>
                    <dgm:constr type="wArH" refType="h"/>
                    <dgm:constr type="hArH" refType="h"/>
                    <dgm:constr type="connDist"/>
                    <dgm:constr type="diam" refType="connDist" fact="-1.15"/>
                    <dgm:constr type="begPad"/>
                    <dgm:constr type="endPad"/>
                  </dgm:constrLst>
                </dgm:else>
              </dgm:choose>
              <dgm:ruleLst/>
            </dgm:layoutNode>
          </dgm:forEach>
        </dgm:forEach>
      </dgm:forEach>
    </dgm:layoutNode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11/layout/CircleProcess">
  <dgm:title val="Circle Process"/>
  <dgm:desc val="Use to show sequential steps in a process. Limited to eleven Level 1 shapes with an unlimited number of Level 2 shapes. Works best with small amounts of text. Unused text does not appear, but remains available if you switch layouts."/>
  <dgm:catLst>
    <dgm:cat type="process" pri="8500"/>
    <dgm:cat type="officeonline" pri="85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11"/>
      <dgm:chPref val="11"/>
      <dgm:dir/>
      <dgm:resizeHandles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5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Parent2" refType="w" fact="0.6249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l" for="ch" forName="Parent1" refType="w" fact="0.1597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l" for="ch" forName="Accent2" refType="w" fact="0.5498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l" for="ch" forName="ParentBackground2" refType="w" fact="0.5648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l" for="ch" forName="Child2" refType="w" fact="0.5648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l" for="ch" forName="Accent1" refType="w" fact="-0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l" for="ch" forName="ParentBackground1" refType="w" fact="0.0997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l" for="ch" forName="Child1" refType="w" fact="0.0997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6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Parent3" refType="w" fact="0.744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l" for="ch" forName="Parent2" refType="w" fact="0.426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l" for="ch" forName="Parent1" refType="w" fact="0.109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l" for="ch" forName="Accent3" refType="w" fact="0.6928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l" for="ch" forName="ParentBackground3" refType="w" fact="0.703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l" for="ch" forName="Child3" refType="w" fact="0.703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l" for="ch" forName="Accent2" refType="w" fact="0.3122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l" for="ch" forName="ParentBackground2" refType="w" fact="0.385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l" for="ch" forName="Child2" refType="w" fact="0.385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l" for="ch" forName="Accent1" refType="w" fact="-0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l" for="ch" forName="ParentBackground1" refType="w" fact="0.068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l" for="ch" forName="Child1" refType="w" fact="0.068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7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Parent4" refType="w" fact="0.8057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l" for="ch" forName="Parent3" refType="w" fact="0.5647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l" for="ch" forName="Parent2" refType="w" fact="0.3237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l" for="ch" forName="Parent1" refType="w" fact="0.0827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l" for="ch" forName="Accent4" refType="w" fact="0.7668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l" for="ch" forName="ParentBackground4" refType="w" fact="0.7746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l" for="ch" forName="Child4" refType="w" fact="0.7746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l" for="ch" forName="Accent3" refType="w" fact="0.476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l" for="ch" forName="ParentBackground3" refType="w" fact="0.5336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l" for="ch" forName="Child3" refType="w" fact="0.5336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l" for="ch" forName="Accent2" refType="w" fact="0.236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l" for="ch" forName="ParentBackground2" refType="w" fact="0.2926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l" for="ch" forName="Child2" refType="w" fact="0.2926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l" for="ch" forName="Accent1" refType="w" fact="-0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l" for="ch" forName="ParentBackground1" refType="w" fact="0.0516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l" for="ch" forName="Child1" refType="w" fact="0.0516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8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Parent5" refType="w" fact="0.8434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l" for="ch" forName="Parent4" refType="w" fact="0.6492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l" for="ch" forName="Parent3" refType="w" fact="0.45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l" for="ch" forName="Parent2" refType="w" fact="0.2609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l" for="ch" forName="Parent1" refType="w" fact="0.0667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l" for="ch" forName="Accent5" refType="w" fact="0.8121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l" for="ch" forName="ParentBackground5" refType="w" fact="0.8183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l" for="ch" forName="Child5" refType="w" fact="0.8183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l" for="ch" forName="Accent4" refType="w" fact="0.5789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l" for="ch" forName="ParentBackground4" refType="w" fact="0.6242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l" for="ch" forName="Child4" refType="w" fact="0.6242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l" for="ch" forName="Accent3" refType="w" fact="0.3848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l" for="ch" forName="ParentBackground3" refType="w" fact="0.43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l" for="ch" forName="Child3" refType="w" fact="0.43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l" for="ch" forName="Accent2" refType="w" fact="0.1906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l" for="ch" forName="ParentBackground2" refType="w" fact="0.2358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l" for="ch" forName="Child2" refType="w" fact="0.2358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l" for="ch" forName="Accent1" refType="w" fact="-0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l" for="ch" forName="ParentBackground1" refType="w" fact="0.0416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l" for="ch" forName="Child1" refType="w" fact="0.0416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9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Parent6" refType="w" fact="0.8689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l" for="ch" forName="Parent5" refType="w" fact="0.7063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l" for="ch" forName="Parent4" refType="w" fact="0.5437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l" for="ch" forName="Parent3" refType="w" fact="0.381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l" for="ch" forName="Parent2" refType="w" fact="0.2184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l" for="ch" forName="Parent1" refType="w" fact="0.0558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l" for="ch" forName="Accent6" refType="w" fact="0.8426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l" for="ch" forName="ParentBackground6" refType="w" fact="0.8479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l" for="ch" forName="Child6" refType="w" fact="0.8479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l" for="ch" forName="Accent5" refType="w" fact="0.6474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l" for="ch" forName="ParentBackground5" refType="w" fact="0.6853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l" for="ch" forName="Child5" refType="w" fact="0.6853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l" for="ch" forName="Accent4" refType="w" fact="0.4848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l" for="ch" forName="ParentBackground4" refType="w" fact="0.5227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l" for="ch" forName="Child4" refType="w" fact="0.5227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l" for="ch" forName="Accent3" refType="w" fact="0.3222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l" for="ch" forName="ParentBackground3" refType="w" fact="0.3601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l" for="ch" forName="Child3" refType="w" fact="0.3601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l" for="ch" forName="Accent2" refType="w" fact="0.1596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l" for="ch" forName="ParentBackground2" refType="w" fact="0.197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l" for="ch" forName="Child2" refType="w" fact="0.197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l" for="ch" forName="Accent1" refType="w" fact="-0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l" for="ch" forName="ParentBackground1" refType="w" fact="0.0348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l" for="ch" forName="Child1" refType="w" fact="0.0348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10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Parent7" refType="w" fact="0.8872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l" for="ch" forName="Parent6" refType="w" fact="0.7473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l" for="ch" forName="Parent5" refType="w" fact="0.607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l" for="ch" forName="Parent4" refType="w" fact="0.4676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l" for="ch" forName="Parent3" refType="w" fact="0.3277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l" for="ch" forName="Parent2" refType="w" fact="0.1879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l" for="ch" forName="Parent1" refType="w" fact="0.048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l" for="ch" forName="Accent7" refType="w" fact="0.8646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l" for="ch" forName="ParentBackground7" refType="w" fact="0.8692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l" for="ch" forName="Child7" refType="w" fact="0.8692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l" for="ch" forName="Accent6" refType="w" fact="0.6967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l" for="ch" forName="ParentBackground6" refType="w" fact="0.7293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l" for="ch" forName="Child6" refType="w" fact="0.7293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l" for="ch" forName="Accent5" refType="w" fact="0.5569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l" for="ch" forName="ParentBackground5" refType="w" fact="0.5894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l" for="ch" forName="Child5" refType="w" fact="0.5894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l" for="ch" forName="Accent4" refType="w" fact="0.417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l" for="ch" forName="ParentBackground4" refType="w" fact="0.4496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l" for="ch" forName="Child4" refType="w" fact="0.4496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l" for="ch" forName="Accent3" refType="w" fact="0.2771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l" for="ch" forName="ParentBackground3" refType="w" fact="0.3097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l" for="ch" forName="Child3" refType="w" fact="0.3097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l" for="ch" forName="Accent2" refType="w" fact="0.1373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l" for="ch" forName="ParentBackground2" refType="w" fact="0.1698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l" for="ch" forName="Child2" refType="w" fact="0.1698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l" for="ch" forName="Accent1" refType="w" fact="-0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l" for="ch" forName="ParentBackground1" refType="w" fact="0.03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l" for="ch" forName="Child1" refType="w" fact="0.03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11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l" for="ch" forName="Parent8" refType="w" fact="0.901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l" for="ch" forName="Parent7" refType="w" fact="0.7783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l" for="ch" forName="Parent6" refType="w" fact="0.6556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l" for="ch" forName="Parent5" refType="w" fact="0.5329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l" for="ch" forName="Parent4" refType="w" fact="0.4102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l" for="ch" forName="Parent3" refType="w" fact="0.287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l" for="ch" forName="Parent2" refType="w" fact="0.1648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l" for="ch" forName="Parent1" refType="w" fact="0.0421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l" for="ch" forName="Accent8" refType="w" fact="0.8813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l" for="ch" forName="ParentBackground8" refType="w" fact="0.8852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l" for="ch" forName="Child8" refType="w" fact="0.8852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l" for="ch" forName="Accent7" refType="w" fact="0.7339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l" for="ch" forName="ParentBackground7" refType="w" fact="0.762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l" for="ch" forName="Child7" refType="w" fact="0.762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l" for="ch" forName="Accent6" refType="w" fact="0.6112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l" for="ch" forName="ParentBackground6" refType="w" fact="0.6398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l" for="ch" forName="Child6" refType="w" fact="0.6398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l" for="ch" forName="Accent5" refType="w" fact="0.488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l" for="ch" forName="ParentBackground5" refType="w" fact="0.5171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l" for="ch" forName="Child5" refType="w" fact="0.5171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l" for="ch" forName="Accent4" refType="w" fact="0.3658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l" for="ch" forName="ParentBackground4" refType="w" fact="0.3944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l" for="ch" forName="Child4" refType="w" fact="0.3944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l" for="ch" forName="Accent3" refType="w" fact="0.2431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l" for="ch" forName="ParentBackground3" refType="w" fact="0.2717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l" for="ch" forName="Child3" refType="w" fact="0.2717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l" for="ch" forName="Accent2" refType="w" fact="0.1204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l" for="ch" forName="ParentBackground2" refType="w" fact="0.149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l" for="ch" forName="Child2" refType="w" fact="0.149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l" for="ch" forName="Accent1" refType="w" fact="-0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l" for="ch" forName="ParentBackground1" refType="w" fact="0.0263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l" for="ch" forName="Child1" refType="w" fact="0.0263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12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l" for="ch" forName="Parent9" refType="w" fact="0.9119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l" for="ch" forName="Parent8" refType="w" fact="0.8026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l" for="ch" forName="Parent7" refType="w" fact="0.6933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l" for="ch" forName="Parent6" refType="w" fact="0.584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l" for="ch" forName="Parent5" refType="w" fact="0.4747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l" for="ch" forName="Parent4" refType="w" fact="0.3654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l" for="ch" forName="Parent3" refType="w" fact="0.2561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l" for="ch" forName="Parent2" refType="w" fact="0.1468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l" for="ch" forName="Parent1" refType="w" fact="0.037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l" for="ch" forName="Accent9" refType="w" fact="0.8942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l" for="ch" forName="ParentBackground9" refType="w" fact="0.8978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l" for="ch" forName="Child9" refType="w" fact="0.8978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l" for="ch" forName="Accent8" refType="w" fact="0.763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l" for="ch" forName="ParentBackground8" refType="w" fact="0.788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l" for="ch" forName="Child8" refType="w" fact="0.788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l" for="ch" forName="Accent7" refType="w" fact="0.6538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l" for="ch" forName="ParentBackground7" refType="w" fact="0.6792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l" for="ch" forName="Child7" refType="w" fact="0.6792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l" for="ch" forName="Accent6" refType="w" fact="0.544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l" for="ch" forName="ParentBackground6" refType="w" fact="0.5699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l" for="ch" forName="Child6" refType="w" fact="0.5699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l" for="ch" forName="Accent5" refType="w" fact="0.4352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l" for="ch" forName="ParentBackground5" refType="w" fact="0.4606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l" for="ch" forName="Child5" refType="w" fact="0.4606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l" for="ch" forName="Accent4" refType="w" fact="0.3259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l" for="ch" forName="ParentBackground4" refType="w" fact="0.3513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l" for="ch" forName="Child4" refType="w" fact="0.3513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l" for="ch" forName="Accent3" refType="w" fact="0.2166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l" for="ch" forName="ParentBackground3" refType="w" fact="0.242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l" for="ch" forName="Child3" refType="w" fact="0.242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l" for="ch" forName="Accent2" refType="w" fact="0.1073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l" for="ch" forName="ParentBackground2" refType="w" fact="0.1327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l" for="ch" forName="Child2" refType="w" fact="0.1327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l" for="ch" forName="Accent1" refType="w" fact="-0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l" for="ch" forName="ParentBackground1" refType="w" fact="0.0234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l" for="ch" forName="Child1" refType="w" fact="0.0234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13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l" for="ch" forName="Parent10" refType="w" fact="0.920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l" for="ch" forName="Parent9" refType="w" fact="0.822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l" for="ch" forName="Parent8" refType="w" fact="0.723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l" for="ch" forName="Parent7" refType="w" fact="0.62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l" for="ch" forName="Parent6" refType="w" fact="0.5264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l" for="ch" forName="Parent5" refType="w" fact="0.4279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l" for="ch" forName="Parent4" refType="w" fact="0.3294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l" for="ch" forName="Parent3" refType="w" fact="0.2309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l" for="ch" forName="Parent2" refType="w" fact="0.1324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l" for="ch" forName="Parent1" refType="w" fact="0.0338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l" for="ch" forName="Accent10" refType="w" fact="0.9047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l" for="ch" forName="ParentBackground10" refType="w" fact="0.9078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l" for="ch" forName="Child10" refType="w" fact="0.9078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l" for="ch" forName="Accent9" refType="w" fact="0.7864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l" for="ch" forName="ParentBackground9" refType="w" fact="0.8093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l" for="ch" forName="Child9" refType="w" fact="0.8093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l" for="ch" forName="Accent8" refType="w" fact="0.6879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l" for="ch" forName="ParentBackground8" refType="w" fact="0.7108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l" for="ch" forName="Child8" refType="w" fact="0.7108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l" for="ch" forName="Accent7" refType="w" fact="0.5893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l" for="ch" forName="ParentBackground7" refType="w" fact="0.6123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l" for="ch" forName="Child7" refType="w" fact="0.6123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l" for="ch" forName="Accent6" refType="w" fact="0.4908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l" for="ch" forName="ParentBackground6" refType="w" fact="0.5137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l" for="ch" forName="Child6" refType="w" fact="0.5137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l" for="ch" forName="Accent5" refType="w" fact="0.3923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l" for="ch" forName="ParentBackground5" refType="w" fact="0.4152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l" for="ch" forName="Child5" refType="w" fact="0.4152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l" for="ch" forName="Accent4" refType="w" fact="0.2938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l" for="ch" forName="ParentBackground4" refType="w" fact="0.3167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l" for="ch" forName="Child4" refType="w" fact="0.3167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l" for="ch" forName="Accent3" refType="w" fact="0.1952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l" for="ch" forName="ParentBackground3" refType="w" fact="0.2182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l" for="ch" forName="Child3" refType="w" fact="0.2182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l" for="ch" forName="Accent2" refType="w" fact="0.0967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l" for="ch" forName="ParentBackground2" refType="w" fact="0.1196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l" for="ch" forName="Child2" refType="w" fact="0.1196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l" for="ch" forName="Accent1" refType="w" fact="-0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l" for="ch" forName="ParentBackground1" refType="w" fact="0.0211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l" for="ch" forName="Child1" refType="w" fact="0.0211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14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l" for="ch" forName="Parent11" refType="w" fact="0.9277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l" for="ch" forName="Parent10" refType="w" fact="0.838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l" for="ch" forName="Parent9" refType="w" fact="0.7483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l" for="ch" forName="Parent8" refType="w" fact="0.6586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l" for="ch" forName="Parent7" refType="w" fact="0.5689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l" for="ch" forName="Parent6" refType="w" fact="0.4792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l" for="ch" forName="Parent5" refType="w" fact="0.389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l" for="ch" forName="Parent4" refType="w" fact="0.2999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l" for="ch" forName="Parent3" refType="w" fact="0.2102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l" for="ch" forName="Parent2" refType="w" fact="0.120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l" for="ch" forName="Parent1" refType="w" fact="0.0308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l" for="ch" forName="Accent11" refType="w" fact="0.9132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l" for="ch" forName="ParentBackground11" refType="w" fact="0.9161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l" for="ch" forName="Child11" refType="w" fact="0.9161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l" for="ch" forName="Accent10" refType="w" fact="0.805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l" for="ch" forName="ParentBackground10" refType="w" fact="0.8264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l" for="ch" forName="Child10" refType="w" fact="0.8264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l" for="ch" forName="Accent9" refType="w" fact="0.7158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l" for="ch" forName="ParentBackground9" refType="w" fact="0.7367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l" for="ch" forName="Child9" refType="w" fact="0.7367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l" for="ch" forName="Accent8" refType="w" fact="0.6261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l" for="ch" forName="ParentBackground8" refType="w" fact="0.647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l" for="ch" forName="Child8" refType="w" fact="0.647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l" for="ch" forName="Accent7" refType="w" fact="0.5364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l" for="ch" forName="ParentBackground7" refType="w" fact="0.5573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l" for="ch" forName="Child7" refType="w" fact="0.5573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l" for="ch" forName="Accent6" refType="w" fact="0.4467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l" for="ch" forName="ParentBackground6" refType="w" fact="0.4677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l" for="ch" forName="Child6" refType="w" fact="0.4677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l" for="ch" forName="Accent5" refType="w" fact="0.3571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l" for="ch" forName="ParentBackground5" refType="w" fact="0.378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l" for="ch" forName="Child5" refType="w" fact="0.378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l" for="ch" forName="Accent4" refType="w" fact="0.2674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l" for="ch" forName="ParentBackground4" refType="w" fact="0.2883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l" for="ch" forName="Child4" refType="w" fact="0.2883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l" for="ch" forName="Accent3" refType="w" fact="0.1777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l" for="ch" forName="ParentBackground3" refType="w" fact="0.1986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l" for="ch" forName="Child3" refType="w" fact="0.1986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l" for="ch" forName="Accent2" refType="w" fact="0.088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l" for="ch" forName="ParentBackground2" refType="w" fact="0.1089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l" for="ch" forName="Child2" refType="w" fact="0.1089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l" for="ch" forName="Accent1" refType="w" fact="-0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l" for="ch" forName="ParentBackground1" refType="w" fact="0.0192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l" for="ch" forName="Child1" refType="w" fact="0.0192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if>
      <dgm:else name="Name15">
        <dgm:choose name="Name16">
          <dgm:if name="Name17" axis="ch" ptType="node" func="cnt" op="equ" val="1">
            <dgm:alg type="composite">
              <dgm:param type="ar" val="0.638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Parent1" refType="w" fact="0.1667"/>
              <dgm:constr type="t" for="ch" forName="Parent1" refType="h" fact="0.1064"/>
              <dgm:constr type="w" for="ch" forName="Parent1" refType="w" fact="0.6667"/>
              <dgm:constr type="h" for="ch" forName="Parent1" refType="h" fact="0.4255"/>
              <dgm:constr type="l" for="ch" forName="Accent1" refType="w" fact="0"/>
              <dgm:constr type="t" for="ch" forName="Accent1" refType="h" fact="0"/>
              <dgm:constr type="w" for="ch" forName="Accent1" refType="w"/>
              <dgm:constr type="h" for="ch" forName="Accent1" refType="h" fact="0.6383"/>
              <dgm:constr type="l" for="ch" forName="ParentBackground1" refType="w" fact="0.0333"/>
              <dgm:constr type="t" for="ch" forName="ParentBackground1" refType="h" fact="0.0213"/>
              <dgm:constr type="w" for="ch" forName="ParentBackground1" refType="w" fact="0.9333"/>
              <dgm:constr type="h" for="ch" forName="ParentBackground1" refType="h" fact="0.5957"/>
              <dgm:constr type="l" for="ch" forName="Child1" refType="w" fact="0.0333"/>
              <dgm:constr type="t" for="ch" forName="Child1" refType="h" fact="0.6574"/>
              <dgm:constr type="w" for="ch" forName="Child1" refType="w" fact="0.9333"/>
              <dgm:constr type="h" for="ch" forName="Child1" refType="h" fact="0.3426"/>
            </dgm:constrLst>
          </dgm:if>
          <dgm:if name="Name18" axis="ch" ptType="node" func="cnt" op="equ" val="2">
            <dgm:alg type="composite">
              <dgm:param type="ar" val="1.265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r" for="ch" forName="Parent2" refType="w" fact="0.3751"/>
              <dgm:constr type="t" for="ch" forName="Parent2" refType="h" fact="0.2022"/>
              <dgm:constr type="w" for="ch" forName="Parent2" refType="w" fact="0.3001"/>
              <dgm:constr type="h" for="ch" forName="Parent2" refType="h" fact="0.3799"/>
              <dgm:constr type="r" for="ch" forName="Parent1" refType="w" fact="0.8403"/>
              <dgm:constr type="t" for="ch" forName="Parent1" refType="h" fact="0.2022"/>
              <dgm:constr type="w" for="ch" forName="Parent1" refType="w" fact="0.3001"/>
              <dgm:constr type="h" for="ch" forName="Parent1" refType="h" fact="0.3799"/>
              <dgm:constr type="r" for="ch" forName="Accent2" refType="w" fact="0.4502"/>
              <dgm:constr type="t" for="ch" forName="Accent2" refType="h" fact="0.1072"/>
              <dgm:constr type="w" for="ch" forName="Accent2" refType="w" fact="0.4502"/>
              <dgm:constr type="h" for="ch" forName="Accent2" refType="h" fact="0.5699"/>
              <dgm:constr type="r" for="ch" forName="ParentBackground2" refType="w" fact="0.4352"/>
              <dgm:constr type="t" for="ch" forName="ParentBackground2" refType="h" fact="0.1262"/>
              <dgm:constr type="w" for="ch" forName="ParentBackground2" refType="w" fact="0.4201"/>
              <dgm:constr type="h" for="ch" forName="ParentBackground2" refType="h" fact="0.5319"/>
              <dgm:constr type="r" for="ch" forName="Child2" refType="w" fact="0.4352"/>
              <dgm:constr type="t" for="ch" forName="Child2" refType="h" fact="0.6876"/>
              <dgm:constr type="w" for="ch" forName="Child2" refType="w" fact="0.4201"/>
              <dgm:constr type="h" for="ch" forName="Child2" refType="h" fact="0.3124"/>
              <dgm:constr type="r" for="ch" forName="Accent1" refType="w" fact="1.0086"/>
              <dgm:constr type="t" for="ch" forName="Accent1" refType="h" fact="-0.0109"/>
              <dgm:constr type="w" for="ch" forName="Accent1" refType="w" fact="0.6367"/>
              <dgm:constr type="h" for="ch" forName="Accent1" refType="h" fact="0.806"/>
              <dgm:constr type="r" for="ch" forName="ParentBackground1" refType="w" fact="0.9003"/>
              <dgm:constr type="t" for="ch" forName="ParentBackground1" refType="h" fact="0.1262"/>
              <dgm:constr type="w" for="ch" forName="ParentBackground1" refType="w" fact="0.4201"/>
              <dgm:constr type="h" for="ch" forName="ParentBackground1" refType="h" fact="0.5319"/>
              <dgm:constr type="r" for="ch" forName="Child1" refType="w" fact="0.9003"/>
              <dgm:constr type="t" for="ch" forName="Child1" refType="h" fact="0.6876"/>
              <dgm:constr type="w" for="ch" forName="Child1" refType="w" fact="0.4201"/>
              <dgm:constr type="h" for="ch" forName="Child1" refType="h" fact="0.3124"/>
            </dgm:constrLst>
          </dgm:if>
          <dgm:if name="Name19" axis="ch" ptType="node" func="cnt" op="equ" val="3">
            <dgm:alg type="composite">
              <dgm:param type="ar" val="1.854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r" for="ch" forName="Parent3" refType="w" fact="0.256"/>
              <dgm:constr type="t" for="ch" forName="Parent3" refType="h" fact="0.2022"/>
              <dgm:constr type="w" for="ch" forName="Parent3" refType="w" fact="0.2048"/>
              <dgm:constr type="h" for="ch" forName="Parent3" refType="h" fact="0.3799"/>
              <dgm:constr type="r" for="ch" forName="Parent2" refType="w" fact="0.5735"/>
              <dgm:constr type="t" for="ch" forName="Parent2" refType="h" fact="0.2022"/>
              <dgm:constr type="w" for="ch" forName="Parent2" refType="w" fact="0.2048"/>
              <dgm:constr type="h" for="ch" forName="Parent2" refType="h" fact="0.3799"/>
              <dgm:constr type="r" for="ch" forName="Parent1" refType="w" fact="0.891"/>
              <dgm:constr type="t" for="ch" forName="Parent1" refType="h" fact="0.2022"/>
              <dgm:constr type="w" for="ch" forName="Parent1" refType="w" fact="0.2048"/>
              <dgm:constr type="h" for="ch" forName="Parent1" refType="h" fact="0.3799"/>
              <dgm:constr type="r" for="ch" forName="Accent3" refType="w" fact="0.3072"/>
              <dgm:constr type="t" for="ch" forName="Accent3" refType="h" fact="0.1072"/>
              <dgm:constr type="w" for="ch" forName="Accent3" refType="w" fact="0.3072"/>
              <dgm:constr type="h" for="ch" forName="Accent3" refType="h" fact="0.5699"/>
              <dgm:constr type="r" for="ch" forName="ParentBackground3" refType="w" fact="0.297"/>
              <dgm:constr type="t" for="ch" forName="ParentBackground3" refType="h" fact="0.1262"/>
              <dgm:constr type="w" for="ch" forName="ParentBackground3" refType="w" fact="0.2868"/>
              <dgm:constr type="h" for="ch" forName="ParentBackground3" refType="h" fact="0.5319"/>
              <dgm:constr type="r" for="ch" forName="Child3" refType="w" fact="0.297"/>
              <dgm:constr type="t" for="ch" forName="Child3" refType="h" fact="0.6876"/>
              <dgm:constr type="w" for="ch" forName="Child3" refType="w" fact="0.2868"/>
              <dgm:constr type="h" for="ch" forName="Child3" refType="h" fact="0.3124"/>
              <dgm:constr type="r" for="ch" forName="Accent2" refType="w" fact="0.6878"/>
              <dgm:constr type="t" for="ch" forName="Accent2" refType="h" fact="-0.0109"/>
              <dgm:constr type="w" for="ch" forName="Accent2" refType="w" fact="0.4334"/>
              <dgm:constr type="h" for="ch" forName="Accent2" refType="h" fact="0.806"/>
              <dgm:constr type="r" for="ch" forName="ParentBackground2" refType="w" fact="0.6145"/>
              <dgm:constr type="t" for="ch" forName="ParentBackground2" refType="h" fact="0.1262"/>
              <dgm:constr type="w" for="ch" forName="ParentBackground2" refType="w" fact="0.2868"/>
              <dgm:constr type="h" for="ch" forName="ParentBackground2" refType="h" fact="0.5319"/>
              <dgm:constr type="r" for="ch" forName="Child2" refType="w" fact="0.6145"/>
              <dgm:constr type="t" for="ch" forName="Child2" refType="h" fact="0.6876"/>
              <dgm:constr type="w" for="ch" forName="Child2" refType="w" fact="0.2868"/>
              <dgm:constr type="h" for="ch" forName="Child2" refType="h" fact="0.3124"/>
              <dgm:constr type="r" for="ch" forName="Accent1" refType="w" fact="1.0053"/>
              <dgm:constr type="t" for="ch" forName="Accent1" refType="h" fact="-0.0109"/>
              <dgm:constr type="w" for="ch" forName="Accent1" refType="w" fact="0.4334"/>
              <dgm:constr type="h" for="ch" forName="Accent1" refType="h" fact="0.806"/>
              <dgm:constr type="r" for="ch" forName="ParentBackground1" refType="w" fact="0.932"/>
              <dgm:constr type="t" for="ch" forName="ParentBackground1" refType="h" fact="0.1262"/>
              <dgm:constr type="w" for="ch" forName="ParentBackground1" refType="w" fact="0.2868"/>
              <dgm:constr type="h" for="ch" forName="ParentBackground1" refType="h" fact="0.5319"/>
              <dgm:constr type="r" for="ch" forName="Child1" refType="w" fact="0.932"/>
              <dgm:constr type="t" for="ch" forName="Child1" refType="h" fact="0.6876"/>
              <dgm:constr type="w" for="ch" forName="Child1" refType="w" fact="0.2868"/>
              <dgm:constr type="h" for="ch" forName="Child1" refType="h" fact="0.3124"/>
            </dgm:constrLst>
          </dgm:if>
          <dgm:if name="Name20" axis="ch" ptType="node" func="cnt" op="equ" val="4">
            <dgm:alg type="composite">
              <dgm:param type="ar" val="2.4437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r" for="ch" forName="Parent4" refType="w" fact="0.1943"/>
              <dgm:constr type="t" for="ch" forName="Parent4" refType="h" fact="0.2022"/>
              <dgm:constr type="w" for="ch" forName="Parent4" refType="w" fact="0.1555"/>
              <dgm:constr type="h" for="ch" forName="Parent4" refType="h" fact="0.3799"/>
              <dgm:constr type="r" for="ch" forName="Parent3" refType="w" fact="0.4353"/>
              <dgm:constr type="t" for="ch" forName="Parent3" refType="h" fact="0.2022"/>
              <dgm:constr type="w" for="ch" forName="Parent3" refType="w" fact="0.1555"/>
              <dgm:constr type="h" for="ch" forName="Parent3" refType="h" fact="0.3799"/>
              <dgm:constr type="r" for="ch" forName="Parent2" refType="w" fact="0.6763"/>
              <dgm:constr type="t" for="ch" forName="Parent2" refType="h" fact="0.2022"/>
              <dgm:constr type="w" for="ch" forName="Parent2" refType="w" fact="0.1555"/>
              <dgm:constr type="h" for="ch" forName="Parent2" refType="h" fact="0.3799"/>
              <dgm:constr type="r" for="ch" forName="Parent1" refType="w" fact="0.9173"/>
              <dgm:constr type="t" for="ch" forName="Parent1" refType="h" fact="0.2022"/>
              <dgm:constr type="w" for="ch" forName="Parent1" refType="w" fact="0.1555"/>
              <dgm:constr type="h" for="ch" forName="Parent1" refType="h" fact="0.3799"/>
              <dgm:constr type="r" for="ch" forName="Accent4" refType="w" fact="0.2332"/>
              <dgm:constr type="t" for="ch" forName="Accent4" refType="h" fact="0.1072"/>
              <dgm:constr type="w" for="ch" forName="Accent4" refType="w" fact="0.2332"/>
              <dgm:constr type="h" for="ch" forName="Accent4" refType="h" fact="0.5699"/>
              <dgm:constr type="r" for="ch" forName="ParentBackground4" refType="w" fact="0.2254"/>
              <dgm:constr type="t" for="ch" forName="ParentBackground4" refType="h" fact="0.1262"/>
              <dgm:constr type="w" for="ch" forName="ParentBackground4" refType="w" fact="0.2177"/>
              <dgm:constr type="h" for="ch" forName="ParentBackground4" refType="h" fact="0.5319"/>
              <dgm:constr type="r" for="ch" forName="Child4" refType="w" fact="0.2254"/>
              <dgm:constr type="t" for="ch" forName="Child4" refType="h" fact="0.6876"/>
              <dgm:constr type="w" for="ch" forName="Child4" refType="w" fact="0.2177"/>
              <dgm:constr type="h" for="ch" forName="Child4" refType="h" fact="0.3124"/>
              <dgm:constr type="r" for="ch" forName="Accent3" refType="w" fact="0.5235"/>
              <dgm:constr type="t" for="ch" forName="Accent3" refType="h" fact="-0.0109"/>
              <dgm:constr type="w" for="ch" forName="Accent3" refType="w" fact="0.3298"/>
              <dgm:constr type="h" for="ch" forName="Accent3" refType="h" fact="0.806"/>
              <dgm:constr type="r" for="ch" forName="ParentBackground3" refType="w" fact="0.4664"/>
              <dgm:constr type="t" for="ch" forName="ParentBackground3" refType="h" fact="0.1262"/>
              <dgm:constr type="w" for="ch" forName="ParentBackground3" refType="w" fact="0.2177"/>
              <dgm:constr type="h" for="ch" forName="ParentBackground3" refType="h" fact="0.5319"/>
              <dgm:constr type="r" for="ch" forName="Child3" refType="w" fact="0.4664"/>
              <dgm:constr type="t" for="ch" forName="Child3" refType="h" fact="0.6876"/>
              <dgm:constr type="w" for="ch" forName="Child3" refType="w" fact="0.2177"/>
              <dgm:constr type="h" for="ch" forName="Child3" refType="h" fact="0.3124"/>
              <dgm:constr type="r" for="ch" forName="Accent2" refType="w" fact="0.7635"/>
              <dgm:constr type="t" for="ch" forName="Accent2" refType="h" fact="-0.0109"/>
              <dgm:constr type="w" for="ch" forName="Accent2" refType="w" fact="0.3298"/>
              <dgm:constr type="h" for="ch" forName="Accent2" refType="h" fact="0.806"/>
              <dgm:constr type="r" for="ch" forName="ParentBackground2" refType="w" fact="0.7074"/>
              <dgm:constr type="t" for="ch" forName="ParentBackground2" refType="h" fact="0.1262"/>
              <dgm:constr type="w" for="ch" forName="ParentBackground2" refType="w" fact="0.2177"/>
              <dgm:constr type="h" for="ch" forName="ParentBackground2" refType="h" fact="0.5319"/>
              <dgm:constr type="r" for="ch" forName="Child2" refType="w" fact="0.7074"/>
              <dgm:constr type="t" for="ch" forName="Child2" refType="h" fact="0.6876"/>
              <dgm:constr type="w" for="ch" forName="Child2" refType="w" fact="0.2177"/>
              <dgm:constr type="h" for="ch" forName="Child2" refType="h" fact="0.3124"/>
              <dgm:constr type="r" for="ch" forName="Accent1" refType="w" fact="1.0045"/>
              <dgm:constr type="t" for="ch" forName="Accent1" refType="h" fact="-0.0109"/>
              <dgm:constr type="w" for="ch" forName="Accent1" refType="w" fact="0.3298"/>
              <dgm:constr type="h" for="ch" forName="Accent1" refType="h" fact="0.806"/>
              <dgm:constr type="r" for="ch" forName="ParentBackground1" refType="w" fact="0.9484"/>
              <dgm:constr type="t" for="ch" forName="ParentBackground1" refType="h" fact="0.1262"/>
              <dgm:constr type="w" for="ch" forName="ParentBackground1" refType="w" fact="0.2177"/>
              <dgm:constr type="h" for="ch" forName="ParentBackground1" refType="h" fact="0.5319"/>
              <dgm:constr type="r" for="ch" forName="Child1" refType="w" fact="0.9484"/>
              <dgm:constr type="t" for="ch" forName="Child1" refType="h" fact="0.6876"/>
              <dgm:constr type="w" for="ch" forName="Child1" refType="w" fact="0.2177"/>
              <dgm:constr type="h" for="ch" forName="Child1" refType="h" fact="0.3124"/>
            </dgm:constrLst>
          </dgm:if>
          <dgm:if name="Name21" axis="ch" ptType="node" func="cnt" op="equ" val="5">
            <dgm:alg type="composite">
              <dgm:param type="ar" val="3.0325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r" for="ch" forName="Parent5" refType="w" fact="0.1566"/>
              <dgm:constr type="t" for="ch" forName="Parent5" refType="h" fact="0.2022"/>
              <dgm:constr type="w" for="ch" forName="Parent5" refType="w" fact="0.1253"/>
              <dgm:constr type="h" for="ch" forName="Parent5" refType="h" fact="0.3799"/>
              <dgm:constr type="r" for="ch" forName="Parent4" refType="w" fact="0.3508"/>
              <dgm:constr type="t" for="ch" forName="Parent4" refType="h" fact="0.2022"/>
              <dgm:constr type="w" for="ch" forName="Parent4" refType="w" fact="0.1253"/>
              <dgm:constr type="h" for="ch" forName="Parent4" refType="h" fact="0.3799"/>
              <dgm:constr type="r" for="ch" forName="Parent3" refType="w" fact="0.545"/>
              <dgm:constr type="t" for="ch" forName="Parent3" refType="h" fact="0.2022"/>
              <dgm:constr type="w" for="ch" forName="Parent3" refType="w" fact="0.1253"/>
              <dgm:constr type="h" for="ch" forName="Parent3" refType="h" fact="0.3799"/>
              <dgm:constr type="r" for="ch" forName="Parent2" refType="w" fact="0.7391"/>
              <dgm:constr type="t" for="ch" forName="Parent2" refType="h" fact="0.2022"/>
              <dgm:constr type="w" for="ch" forName="Parent2" refType="w" fact="0.1253"/>
              <dgm:constr type="h" for="ch" forName="Parent2" refType="h" fact="0.3799"/>
              <dgm:constr type="r" for="ch" forName="Parent1" refType="w" fact="0.9333"/>
              <dgm:constr type="t" for="ch" forName="Parent1" refType="h" fact="0.2022"/>
              <dgm:constr type="w" for="ch" forName="Parent1" refType="w" fact="0.1253"/>
              <dgm:constr type="h" for="ch" forName="Parent1" refType="h" fact="0.3799"/>
              <dgm:constr type="r" for="ch" forName="Accent5" refType="w" fact="0.1879"/>
              <dgm:constr type="t" for="ch" forName="Accent5" refType="h" fact="0.1072"/>
              <dgm:constr type="w" for="ch" forName="Accent5" refType="w" fact="0.1879"/>
              <dgm:constr type="h" for="ch" forName="Accent5" refType="h" fact="0.5699"/>
              <dgm:constr type="r" for="ch" forName="ParentBackground5" refType="w" fact="0.1817"/>
              <dgm:constr type="t" for="ch" forName="ParentBackground5" refType="h" fact="0.1262"/>
              <dgm:constr type="w" for="ch" forName="ParentBackground5" refType="w" fact="0.1754"/>
              <dgm:constr type="h" for="ch" forName="ParentBackground5" refType="h" fact="0.5319"/>
              <dgm:constr type="r" for="ch" forName="Child5" refType="w" fact="0.1817"/>
              <dgm:constr type="t" for="ch" forName="Child5" refType="h" fact="0.6876"/>
              <dgm:constr type="w" for="ch" forName="Child5" refType="w" fact="0.1754"/>
              <dgm:constr type="h" for="ch" forName="Child5" refType="h" fact="0.3124"/>
              <dgm:constr type="r" for="ch" forName="Accent4" refType="w" fact="0.4211"/>
              <dgm:constr type="t" for="ch" forName="Accent4" refType="h" fact="-0.0109"/>
              <dgm:constr type="w" for="ch" forName="Accent4" refType="w" fact="0.2657"/>
              <dgm:constr type="h" for="ch" forName="Accent4" refType="h" fact="0.806"/>
              <dgm:constr type="r" for="ch" forName="ParentBackground4" refType="w" fact="0.3758"/>
              <dgm:constr type="t" for="ch" forName="ParentBackground4" refType="h" fact="0.1262"/>
              <dgm:constr type="w" for="ch" forName="ParentBackground4" refType="w" fact="0.1754"/>
              <dgm:constr type="h" for="ch" forName="ParentBackground4" refType="h" fact="0.5319"/>
              <dgm:constr type="r" for="ch" forName="Child4" refType="w" fact="0.3758"/>
              <dgm:constr type="t" for="ch" forName="Child4" refType="h" fact="0.6876"/>
              <dgm:constr type="w" for="ch" forName="Child4" refType="w" fact="0.1754"/>
              <dgm:constr type="h" for="ch" forName="Child4" refType="h" fact="0.3124"/>
              <dgm:constr type="r" for="ch" forName="Accent3" refType="w" fact="0.6152"/>
              <dgm:constr type="t" for="ch" forName="Accent3" refType="h" fact="-0.0109"/>
              <dgm:constr type="w" for="ch" forName="Accent3" refType="w" fact="0.2657"/>
              <dgm:constr type="h" for="ch" forName="Accent3" refType="h" fact="0.806"/>
              <dgm:constr type="r" for="ch" forName="ParentBackground3" refType="w" fact="0.57"/>
              <dgm:constr type="t" for="ch" forName="ParentBackground3" refType="h" fact="0.1262"/>
              <dgm:constr type="w" for="ch" forName="ParentBackground3" refType="w" fact="0.1754"/>
              <dgm:constr type="h" for="ch" forName="ParentBackground3" refType="h" fact="0.5319"/>
              <dgm:constr type="r" for="ch" forName="Child3" refType="w" fact="0.57"/>
              <dgm:constr type="t" for="ch" forName="Child3" refType="h" fact="0.6876"/>
              <dgm:constr type="w" for="ch" forName="Child3" refType="w" fact="0.1754"/>
              <dgm:constr type="h" for="ch" forName="Child3" refType="h" fact="0.3124"/>
              <dgm:constr type="r" for="ch" forName="Accent2" refType="w" fact="0.8094"/>
              <dgm:constr type="t" for="ch" forName="Accent2" refType="h" fact="-0.0109"/>
              <dgm:constr type="w" for="ch" forName="Accent2" refType="w" fact="0.2657"/>
              <dgm:constr type="h" for="ch" forName="Accent2" refType="h" fact="0.806"/>
              <dgm:constr type="r" for="ch" forName="ParentBackground2" refType="w" fact="0.7642"/>
              <dgm:constr type="t" for="ch" forName="ParentBackground2" refType="h" fact="0.1262"/>
              <dgm:constr type="w" for="ch" forName="ParentBackground2" refType="w" fact="0.1754"/>
              <dgm:constr type="h" for="ch" forName="ParentBackground2" refType="h" fact="0.5319"/>
              <dgm:constr type="r" for="ch" forName="Child2" refType="w" fact="0.7642"/>
              <dgm:constr type="t" for="ch" forName="Child2" refType="h" fact="0.6876"/>
              <dgm:constr type="w" for="ch" forName="Child2" refType="w" fact="0.1754"/>
              <dgm:constr type="h" for="ch" forName="Child2" refType="h" fact="0.3124"/>
              <dgm:constr type="r" for="ch" forName="Accent1" refType="w" fact="1.0036"/>
              <dgm:constr type="t" for="ch" forName="Accent1" refType="h" fact="-0.0109"/>
              <dgm:constr type="w" for="ch" forName="Accent1" refType="w" fact="0.2657"/>
              <dgm:constr type="h" for="ch" forName="Accent1" refType="h" fact="0.806"/>
              <dgm:constr type="r" for="ch" forName="ParentBackground1" refType="w" fact="0.9584"/>
              <dgm:constr type="t" for="ch" forName="ParentBackground1" refType="h" fact="0.1262"/>
              <dgm:constr type="w" for="ch" forName="ParentBackground1" refType="w" fact="0.1754"/>
              <dgm:constr type="h" for="ch" forName="ParentBackground1" refType="h" fact="0.5319"/>
              <dgm:constr type="r" for="ch" forName="Child1" refType="w" fact="0.9584"/>
              <dgm:constr type="t" for="ch" forName="Child1" refType="h" fact="0.6876"/>
              <dgm:constr type="w" for="ch" forName="Child1" refType="w" fact="0.1754"/>
              <dgm:constr type="h" for="ch" forName="Child1" refType="h" fact="0.3124"/>
            </dgm:constrLst>
          </dgm:if>
          <dgm:if name="Name22" axis="ch" ptType="node" func="cnt" op="equ" val="6">
            <dgm:alg type="composite">
              <dgm:param type="ar" val="3.621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r" for="ch" forName="Parent6" refType="w" fact="0.1311"/>
              <dgm:constr type="t" for="ch" forName="Parent6" refType="h" fact="0.2022"/>
              <dgm:constr type="w" for="ch" forName="Parent6" refType="w" fact="0.1049"/>
              <dgm:constr type="h" for="ch" forName="Parent6" refType="h" fact="0.3799"/>
              <dgm:constr type="r" for="ch" forName="Parent5" refType="w" fact="0.2937"/>
              <dgm:constr type="t" for="ch" forName="Parent5" refType="h" fact="0.2022"/>
              <dgm:constr type="w" for="ch" forName="Parent5" refType="w" fact="0.1049"/>
              <dgm:constr type="h" for="ch" forName="Parent5" refType="h" fact="0.3799"/>
              <dgm:constr type="r" for="ch" forName="Parent4" refType="w" fact="0.4563"/>
              <dgm:constr type="t" for="ch" forName="Parent4" refType="h" fact="0.2022"/>
              <dgm:constr type="w" for="ch" forName="Parent4" refType="w" fact="0.1049"/>
              <dgm:constr type="h" for="ch" forName="Parent4" refType="h" fact="0.3799"/>
              <dgm:constr type="r" for="ch" forName="Parent3" refType="w" fact="0.619"/>
              <dgm:constr type="t" for="ch" forName="Parent3" refType="h" fact="0.2022"/>
              <dgm:constr type="w" for="ch" forName="Parent3" refType="w" fact="0.1049"/>
              <dgm:constr type="h" for="ch" forName="Parent3" refType="h" fact="0.3799"/>
              <dgm:constr type="r" for="ch" forName="Parent2" refType="w" fact="0.7816"/>
              <dgm:constr type="t" for="ch" forName="Parent2" refType="h" fact="0.2022"/>
              <dgm:constr type="w" for="ch" forName="Parent2" refType="w" fact="0.1049"/>
              <dgm:constr type="h" for="ch" forName="Parent2" refType="h" fact="0.3799"/>
              <dgm:constr type="r" for="ch" forName="Parent1" refType="w" fact="0.9442"/>
              <dgm:constr type="t" for="ch" forName="Parent1" refType="h" fact="0.2022"/>
              <dgm:constr type="w" for="ch" forName="Parent1" refType="w" fact="0.1049"/>
              <dgm:constr type="h" for="ch" forName="Parent1" refType="h" fact="0.3799"/>
              <dgm:constr type="r" for="ch" forName="Accent6" refType="w" fact="0.1574"/>
              <dgm:constr type="t" for="ch" forName="Accent6" refType="h" fact="0.1072"/>
              <dgm:constr type="w" for="ch" forName="Accent6" refType="w" fact="0.1574"/>
              <dgm:constr type="h" for="ch" forName="Accent6" refType="h" fact="0.5699"/>
              <dgm:constr type="r" for="ch" forName="ParentBackground6" refType="w" fact="0.1521"/>
              <dgm:constr type="t" for="ch" forName="ParentBackground6" refType="h" fact="0.1262"/>
              <dgm:constr type="w" for="ch" forName="ParentBackground6" refType="w" fact="0.1469"/>
              <dgm:constr type="h" for="ch" forName="ParentBackground6" refType="h" fact="0.5319"/>
              <dgm:constr type="r" for="ch" forName="Child6" refType="w" fact="0.1521"/>
              <dgm:constr type="t" for="ch" forName="Child6" refType="h" fact="0.6876"/>
              <dgm:constr type="w" for="ch" forName="Child6" refType="w" fact="0.1469"/>
              <dgm:constr type="h" for="ch" forName="Child6" refType="h" fact="0.3124"/>
              <dgm:constr type="r" for="ch" forName="Accent5" refType="w" fact="0.3526"/>
              <dgm:constr type="t" for="ch" forName="Accent5" refType="h" fact="-0.0109"/>
              <dgm:constr type="w" for="ch" forName="Accent5" refType="w" fact="0.2226"/>
              <dgm:constr type="h" for="ch" forName="Accent5" refType="h" fact="0.806"/>
              <dgm:constr type="r" for="ch" forName="ParentBackground5" refType="w" fact="0.3147"/>
              <dgm:constr type="t" for="ch" forName="ParentBackground5" refType="h" fact="0.1262"/>
              <dgm:constr type="w" for="ch" forName="ParentBackground5" refType="w" fact="0.1469"/>
              <dgm:constr type="h" for="ch" forName="ParentBackground5" refType="h" fact="0.5319"/>
              <dgm:constr type="r" for="ch" forName="Child5" refType="w" fact="0.3147"/>
              <dgm:constr type="t" for="ch" forName="Child5" refType="h" fact="0.6876"/>
              <dgm:constr type="w" for="ch" forName="Child5" refType="w" fact="0.1469"/>
              <dgm:constr type="h" for="ch" forName="Child5" refType="h" fact="0.3124"/>
              <dgm:constr type="r" for="ch" forName="Accent4" refType="w" fact="0.5152"/>
              <dgm:constr type="t" for="ch" forName="Accent4" refType="h" fact="-0.0109"/>
              <dgm:constr type="w" for="ch" forName="Accent4" refType="w" fact="0.2226"/>
              <dgm:constr type="h" for="ch" forName="Accent4" refType="h" fact="0.806"/>
              <dgm:constr type="r" for="ch" forName="ParentBackground4" refType="w" fact="0.4773"/>
              <dgm:constr type="t" for="ch" forName="ParentBackground4" refType="h" fact="0.1262"/>
              <dgm:constr type="w" for="ch" forName="ParentBackground4" refType="w" fact="0.1469"/>
              <dgm:constr type="h" for="ch" forName="ParentBackground4" refType="h" fact="0.5319"/>
              <dgm:constr type="r" for="ch" forName="Child4" refType="w" fact="0.4773"/>
              <dgm:constr type="t" for="ch" forName="Child4" refType="h" fact="0.6876"/>
              <dgm:constr type="w" for="ch" forName="Child4" refType="w" fact="0.1469"/>
              <dgm:constr type="h" for="ch" forName="Child4" refType="h" fact="0.3124"/>
              <dgm:constr type="r" for="ch" forName="Accent3" refType="w" fact="0.6778"/>
              <dgm:constr type="t" for="ch" forName="Accent3" refType="h" fact="-0.0109"/>
              <dgm:constr type="w" for="ch" forName="Accent3" refType="w" fact="0.2226"/>
              <dgm:constr type="h" for="ch" forName="Accent3" refType="h" fact="0.806"/>
              <dgm:constr type="r" for="ch" forName="ParentBackground3" refType="w" fact="0.6399"/>
              <dgm:constr type="t" for="ch" forName="ParentBackground3" refType="h" fact="0.1262"/>
              <dgm:constr type="w" for="ch" forName="ParentBackground3" refType="w" fact="0.1469"/>
              <dgm:constr type="h" for="ch" forName="ParentBackground3" refType="h" fact="0.5319"/>
              <dgm:constr type="r" for="ch" forName="Child3" refType="w" fact="0.6399"/>
              <dgm:constr type="t" for="ch" forName="Child3" refType="h" fact="0.6876"/>
              <dgm:constr type="w" for="ch" forName="Child3" refType="w" fact="0.1469"/>
              <dgm:constr type="h" for="ch" forName="Child3" refType="h" fact="0.3124"/>
              <dgm:constr type="r" for="ch" forName="Accent2" refType="w" fact="0.8404"/>
              <dgm:constr type="t" for="ch" forName="Accent2" refType="h" fact="-0.0109"/>
              <dgm:constr type="w" for="ch" forName="Accent2" refType="w" fact="0.2226"/>
              <dgm:constr type="h" for="ch" forName="Accent2" refType="h" fact="0.806"/>
              <dgm:constr type="r" for="ch" forName="ParentBackground2" refType="w" fact="0.8025"/>
              <dgm:constr type="t" for="ch" forName="ParentBackground2" refType="h" fact="0.1262"/>
              <dgm:constr type="w" for="ch" forName="ParentBackground2" refType="w" fact="0.1469"/>
              <dgm:constr type="h" for="ch" forName="ParentBackground2" refType="h" fact="0.5319"/>
              <dgm:constr type="r" for="ch" forName="Child2" refType="w" fact="0.8025"/>
              <dgm:constr type="t" for="ch" forName="Child2" refType="h" fact="0.6876"/>
              <dgm:constr type="w" for="ch" forName="Child2" refType="w" fact="0.1469"/>
              <dgm:constr type="h" for="ch" forName="Child2" refType="h" fact="0.3124"/>
              <dgm:constr type="r" for="ch" forName="Accent1" refType="w" fact="1.003"/>
              <dgm:constr type="t" for="ch" forName="Accent1" refType="h" fact="-0.0109"/>
              <dgm:constr type="w" for="ch" forName="Accent1" refType="w" fact="0.2226"/>
              <dgm:constr type="h" for="ch" forName="Accent1" refType="h" fact="0.806"/>
              <dgm:constr type="r" for="ch" forName="ParentBackground1" refType="w" fact="0.9652"/>
              <dgm:constr type="t" for="ch" forName="ParentBackground1" refType="h" fact="0.1262"/>
              <dgm:constr type="w" for="ch" forName="ParentBackground1" refType="w" fact="0.1469"/>
              <dgm:constr type="h" for="ch" forName="ParentBackground1" refType="h" fact="0.5319"/>
              <dgm:constr type="r" for="ch" forName="Child1" refType="w" fact="0.9652"/>
              <dgm:constr type="t" for="ch" forName="Child1" refType="h" fact="0.6876"/>
              <dgm:constr type="w" for="ch" forName="Child1" refType="w" fact="0.1469"/>
              <dgm:constr type="h" for="ch" forName="Child1" refType="h" fact="0.3124"/>
            </dgm:constrLst>
          </dgm:if>
          <dgm:if name="Name23" axis="ch" ptType="node" func="cnt" op="equ" val="7">
            <dgm:alg type="composite">
              <dgm:param type="ar" val="4.210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r" for="ch" forName="Parent7" refType="w" fact="0.1128"/>
              <dgm:constr type="t" for="ch" forName="Parent7" refType="h" fact="0.2022"/>
              <dgm:constr type="w" for="ch" forName="Parent7" refType="w" fact="0.0902"/>
              <dgm:constr type="h" for="ch" forName="Parent7" refType="h" fact="0.3799"/>
              <dgm:constr type="r" for="ch" forName="Parent6" refType="w" fact="0.2527"/>
              <dgm:constr type="t" for="ch" forName="Parent6" refType="h" fact="0.2022"/>
              <dgm:constr type="w" for="ch" forName="Parent6" refType="w" fact="0.0902"/>
              <dgm:constr type="h" for="ch" forName="Parent6" refType="h" fact="0.3799"/>
              <dgm:constr type="r" for="ch" forName="Parent5" refType="w" fact="0.3925"/>
              <dgm:constr type="t" for="ch" forName="Parent5" refType="h" fact="0.2022"/>
              <dgm:constr type="w" for="ch" forName="Parent5" refType="w" fact="0.0902"/>
              <dgm:constr type="h" for="ch" forName="Parent5" refType="h" fact="0.3799"/>
              <dgm:constr type="r" for="ch" forName="Parent4" refType="w" fact="0.5324"/>
              <dgm:constr type="t" for="ch" forName="Parent4" refType="h" fact="0.2022"/>
              <dgm:constr type="w" for="ch" forName="Parent4" refType="w" fact="0.0902"/>
              <dgm:constr type="h" for="ch" forName="Parent4" refType="h" fact="0.3799"/>
              <dgm:constr type="r" for="ch" forName="Parent3" refType="w" fact="0.6723"/>
              <dgm:constr type="t" for="ch" forName="Parent3" refType="h" fact="0.2022"/>
              <dgm:constr type="w" for="ch" forName="Parent3" refType="w" fact="0.0902"/>
              <dgm:constr type="h" for="ch" forName="Parent3" refType="h" fact="0.3799"/>
              <dgm:constr type="r" for="ch" forName="Parent2" refType="w" fact="0.8121"/>
              <dgm:constr type="t" for="ch" forName="Parent2" refType="h" fact="0.2022"/>
              <dgm:constr type="w" for="ch" forName="Parent2" refType="w" fact="0.0902"/>
              <dgm:constr type="h" for="ch" forName="Parent2" refType="h" fact="0.3799"/>
              <dgm:constr type="r" for="ch" forName="Parent1" refType="w" fact="0.952"/>
              <dgm:constr type="t" for="ch" forName="Parent1" refType="h" fact="0.2022"/>
              <dgm:constr type="w" for="ch" forName="Parent1" refType="w" fact="0.0902"/>
              <dgm:constr type="h" for="ch" forName="Parent1" refType="h" fact="0.3799"/>
              <dgm:constr type="r" for="ch" forName="Accent7" refType="w" fact="0.1354"/>
              <dgm:constr type="t" for="ch" forName="Accent7" refType="h" fact="0.1072"/>
              <dgm:constr type="w" for="ch" forName="Accent7" refType="w" fact="0.1354"/>
              <dgm:constr type="h" for="ch" forName="Accent7" refType="h" fact="0.5699"/>
              <dgm:constr type="r" for="ch" forName="ParentBackground7" refType="w" fact="0.1308"/>
              <dgm:constr type="t" for="ch" forName="ParentBackground7" refType="h" fact="0.1262"/>
              <dgm:constr type="w" for="ch" forName="ParentBackground7" refType="w" fact="0.1263"/>
              <dgm:constr type="h" for="ch" forName="ParentBackground7" refType="h" fact="0.5319"/>
              <dgm:constr type="r" for="ch" forName="Child7" refType="w" fact="0.1308"/>
              <dgm:constr type="t" for="ch" forName="Child7" refType="h" fact="0.6876"/>
              <dgm:constr type="w" for="ch" forName="Child7" refType="w" fact="0.1263"/>
              <dgm:constr type="h" for="ch" forName="Child7" refType="h" fact="0.3124"/>
              <dgm:constr type="r" for="ch" forName="Accent6" refType="w" fact="0.3033"/>
              <dgm:constr type="t" for="ch" forName="Accent6" refType="h" fact="-0.0109"/>
              <dgm:constr type="w" for="ch" forName="Accent6" refType="w" fact="0.1915"/>
              <dgm:constr type="h" for="ch" forName="Accent6" refType="h" fact="0.806"/>
              <dgm:constr type="r" for="ch" forName="ParentBackground6" refType="w" fact="0.2707"/>
              <dgm:constr type="t" for="ch" forName="ParentBackground6" refType="h" fact="0.1262"/>
              <dgm:constr type="w" for="ch" forName="ParentBackground6" refType="w" fact="0.1263"/>
              <dgm:constr type="h" for="ch" forName="ParentBackground6" refType="h" fact="0.5319"/>
              <dgm:constr type="r" for="ch" forName="Child6" refType="w" fact="0.2707"/>
              <dgm:constr type="t" for="ch" forName="Child6" refType="h" fact="0.6876"/>
              <dgm:constr type="w" for="ch" forName="Child6" refType="w" fact="0.1263"/>
              <dgm:constr type="h" for="ch" forName="Child6" refType="h" fact="0.3124"/>
              <dgm:constr type="r" for="ch" forName="Accent5" refType="w" fact="0.4431"/>
              <dgm:constr type="t" for="ch" forName="Accent5" refType="h" fact="-0.0109"/>
              <dgm:constr type="w" for="ch" forName="Accent5" refType="w" fact="0.1915"/>
              <dgm:constr type="h" for="ch" forName="Accent5" refType="h" fact="0.806"/>
              <dgm:constr type="r" for="ch" forName="ParentBackground5" refType="w" fact="0.4106"/>
              <dgm:constr type="t" for="ch" forName="ParentBackground5" refType="h" fact="0.1262"/>
              <dgm:constr type="w" for="ch" forName="ParentBackground5" refType="w" fact="0.1263"/>
              <dgm:constr type="h" for="ch" forName="ParentBackground5" refType="h" fact="0.5319"/>
              <dgm:constr type="r" for="ch" forName="Child5" refType="w" fact="0.4106"/>
              <dgm:constr type="t" for="ch" forName="Child5" refType="h" fact="0.6876"/>
              <dgm:constr type="w" for="ch" forName="Child5" refType="w" fact="0.1263"/>
              <dgm:constr type="h" for="ch" forName="Child5" refType="h" fact="0.3124"/>
              <dgm:constr type="r" for="ch" forName="Accent4" refType="w" fact="0.583"/>
              <dgm:constr type="t" for="ch" forName="Accent4" refType="h" fact="-0.0109"/>
              <dgm:constr type="w" for="ch" forName="Accent4" refType="w" fact="0.1915"/>
              <dgm:constr type="h" for="ch" forName="Accent4" refType="h" fact="0.806"/>
              <dgm:constr type="r" for="ch" forName="ParentBackground4" refType="w" fact="0.5504"/>
              <dgm:constr type="t" for="ch" forName="ParentBackground4" refType="h" fact="0.1262"/>
              <dgm:constr type="w" for="ch" forName="ParentBackground4" refType="w" fact="0.1263"/>
              <dgm:constr type="h" for="ch" forName="ParentBackground4" refType="h" fact="0.5319"/>
              <dgm:constr type="r" for="ch" forName="Child4" refType="w" fact="0.5504"/>
              <dgm:constr type="t" for="ch" forName="Child4" refType="h" fact="0.6876"/>
              <dgm:constr type="w" for="ch" forName="Child4" refType="w" fact="0.1263"/>
              <dgm:constr type="h" for="ch" forName="Child4" refType="h" fact="0.3124"/>
              <dgm:constr type="r" for="ch" forName="Accent3" refType="w" fact="0.7229"/>
              <dgm:constr type="t" for="ch" forName="Accent3" refType="h" fact="-0.0109"/>
              <dgm:constr type="w" for="ch" forName="Accent3" refType="w" fact="0.1915"/>
              <dgm:constr type="h" for="ch" forName="Accent3" refType="h" fact="0.806"/>
              <dgm:constr type="r" for="ch" forName="ParentBackground3" refType="w" fact="0.6903"/>
              <dgm:constr type="t" for="ch" forName="ParentBackground3" refType="h" fact="0.1262"/>
              <dgm:constr type="w" for="ch" forName="ParentBackground3" refType="w" fact="0.1263"/>
              <dgm:constr type="h" for="ch" forName="ParentBackground3" refType="h" fact="0.5319"/>
              <dgm:constr type="r" for="ch" forName="Child3" refType="w" fact="0.6903"/>
              <dgm:constr type="t" for="ch" forName="Child3" refType="h" fact="0.6876"/>
              <dgm:constr type="w" for="ch" forName="Child3" refType="w" fact="0.1263"/>
              <dgm:constr type="h" for="ch" forName="Child3" refType="h" fact="0.3124"/>
              <dgm:constr type="r" for="ch" forName="Accent2" refType="w" fact="0.8627"/>
              <dgm:constr type="t" for="ch" forName="Accent2" refType="h" fact="-0.0109"/>
              <dgm:constr type="w" for="ch" forName="Accent2" refType="w" fact="0.1915"/>
              <dgm:constr type="h" for="ch" forName="Accent2" refType="h" fact="0.806"/>
              <dgm:constr type="r" for="ch" forName="ParentBackground2" refType="w" fact="0.8302"/>
              <dgm:constr type="t" for="ch" forName="ParentBackground2" refType="h" fact="0.1262"/>
              <dgm:constr type="w" for="ch" forName="ParentBackground2" refType="w" fact="0.1263"/>
              <dgm:constr type="h" for="ch" forName="ParentBackground2" refType="h" fact="0.5319"/>
              <dgm:constr type="r" for="ch" forName="Child2" refType="w" fact="0.8302"/>
              <dgm:constr type="t" for="ch" forName="Child2" refType="h" fact="0.6876"/>
              <dgm:constr type="w" for="ch" forName="Child2" refType="w" fact="0.1263"/>
              <dgm:constr type="h" for="ch" forName="Child2" refType="h" fact="0.3124"/>
              <dgm:constr type="r" for="ch" forName="Accent1" refType="w" fact="1.0026"/>
              <dgm:constr type="t" for="ch" forName="Accent1" refType="h" fact="-0.0109"/>
              <dgm:constr type="w" for="ch" forName="Accent1" refType="w" fact="0.1915"/>
              <dgm:constr type="h" for="ch" forName="Accent1" refType="h" fact="0.806"/>
              <dgm:constr type="r" for="ch" forName="ParentBackground1" refType="w" fact="0.97"/>
              <dgm:constr type="t" for="ch" forName="ParentBackground1" refType="h" fact="0.1262"/>
              <dgm:constr type="w" for="ch" forName="ParentBackground1" refType="w" fact="0.1263"/>
              <dgm:constr type="h" for="ch" forName="ParentBackground1" refType="h" fact="0.5319"/>
              <dgm:constr type="r" for="ch" forName="Child1" refType="w" fact="0.97"/>
              <dgm:constr type="t" for="ch" forName="Child1" refType="h" fact="0.6876"/>
              <dgm:constr type="w" for="ch" forName="Child1" refType="w" fact="0.1263"/>
              <dgm:constr type="h" for="ch" forName="Child1" refType="h" fact="0.3124"/>
            </dgm:constrLst>
          </dgm:if>
          <dgm:if name="Name24" axis="ch" ptType="node" func="cnt" op="equ" val="8">
            <dgm:alg type="composite">
              <dgm:param type="ar" val="4.799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r" for="ch" forName="Parent8" refType="w" fact="0.099"/>
              <dgm:constr type="t" for="ch" forName="Parent8" refType="h" fact="0.2022"/>
              <dgm:constr type="w" for="ch" forName="Parent8" refType="w" fact="0.0792"/>
              <dgm:constr type="h" for="ch" forName="Parent8" refType="h" fact="0.3799"/>
              <dgm:constr type="r" for="ch" forName="Parent7" refType="w" fact="0.2217"/>
              <dgm:constr type="t" for="ch" forName="Parent7" refType="h" fact="0.2022"/>
              <dgm:constr type="w" for="ch" forName="Parent7" refType="w" fact="0.0792"/>
              <dgm:constr type="h" for="ch" forName="Parent7" refType="h" fact="0.3799"/>
              <dgm:constr type="r" for="ch" forName="Parent6" refType="w" fact="0.3444"/>
              <dgm:constr type="t" for="ch" forName="Parent6" refType="h" fact="0.2022"/>
              <dgm:constr type="w" for="ch" forName="Parent6" refType="w" fact="0.0792"/>
              <dgm:constr type="h" for="ch" forName="Parent6" refType="h" fact="0.3799"/>
              <dgm:constr type="r" for="ch" forName="Parent5" refType="w" fact="0.4671"/>
              <dgm:constr type="t" for="ch" forName="Parent5" refType="h" fact="0.2022"/>
              <dgm:constr type="w" for="ch" forName="Parent5" refType="w" fact="0.0792"/>
              <dgm:constr type="h" for="ch" forName="Parent5" refType="h" fact="0.3799"/>
              <dgm:constr type="r" for="ch" forName="Parent4" refType="w" fact="0.5898"/>
              <dgm:constr type="t" for="ch" forName="Parent4" refType="h" fact="0.2022"/>
              <dgm:constr type="w" for="ch" forName="Parent4" refType="w" fact="0.0792"/>
              <dgm:constr type="h" for="ch" forName="Parent4" refType="h" fact="0.3799"/>
              <dgm:constr type="r" for="ch" forName="Parent3" refType="w" fact="0.7125"/>
              <dgm:constr type="t" for="ch" forName="Parent3" refType="h" fact="0.2022"/>
              <dgm:constr type="w" for="ch" forName="Parent3" refType="w" fact="0.0792"/>
              <dgm:constr type="h" for="ch" forName="Parent3" refType="h" fact="0.3799"/>
              <dgm:constr type="r" for="ch" forName="Parent2" refType="w" fact="0.8352"/>
              <dgm:constr type="t" for="ch" forName="Parent2" refType="h" fact="0.2022"/>
              <dgm:constr type="w" for="ch" forName="Parent2" refType="w" fact="0.0792"/>
              <dgm:constr type="h" for="ch" forName="Parent2" refType="h" fact="0.3799"/>
              <dgm:constr type="r" for="ch" forName="Parent1" refType="w" fact="0.9579"/>
              <dgm:constr type="t" for="ch" forName="Parent1" refType="h" fact="0.2022"/>
              <dgm:constr type="w" for="ch" forName="Parent1" refType="w" fact="0.0792"/>
              <dgm:constr type="h" for="ch" forName="Parent1" refType="h" fact="0.3799"/>
              <dgm:constr type="r" for="ch" forName="Accent8" refType="w" fact="0.1187"/>
              <dgm:constr type="t" for="ch" forName="Accent8" refType="h" fact="0.1072"/>
              <dgm:constr type="w" for="ch" forName="Accent8" refType="w" fact="0.1187"/>
              <dgm:constr type="h" for="ch" forName="Accent8" refType="h" fact="0.5699"/>
              <dgm:constr type="r" for="ch" forName="ParentBackground8" refType="w" fact="0.1148"/>
              <dgm:constr type="t" for="ch" forName="ParentBackground8" refType="h" fact="0.1262"/>
              <dgm:constr type="w" for="ch" forName="ParentBackground8" refType="w" fact="0.1108"/>
              <dgm:constr type="h" for="ch" forName="ParentBackground8" refType="h" fact="0.5319"/>
              <dgm:constr type="r" for="ch" forName="Child8" refType="w" fact="0.1148"/>
              <dgm:constr type="t" for="ch" forName="Child8" refType="h" fact="0.6876"/>
              <dgm:constr type="w" for="ch" forName="Child8" refType="w" fact="0.1108"/>
              <dgm:constr type="h" for="ch" forName="Child8" refType="h" fact="0.3124"/>
              <dgm:constr type="r" for="ch" forName="Accent7" refType="w" fact="0.2661"/>
              <dgm:constr type="t" for="ch" forName="Accent7" refType="h" fact="-0.0109"/>
              <dgm:constr type="w" for="ch" forName="Accent7" refType="w" fact="0.1679"/>
              <dgm:constr type="h" for="ch" forName="Accent7" refType="h" fact="0.806"/>
              <dgm:constr type="r" for="ch" forName="ParentBackground7" refType="w" fact="0.2375"/>
              <dgm:constr type="t" for="ch" forName="ParentBackground7" refType="h" fact="0.1262"/>
              <dgm:constr type="w" for="ch" forName="ParentBackground7" refType="w" fact="0.1108"/>
              <dgm:constr type="h" for="ch" forName="ParentBackground7" refType="h" fact="0.5319"/>
              <dgm:constr type="r" for="ch" forName="Child7" refType="w" fact="0.2375"/>
              <dgm:constr type="t" for="ch" forName="Child7" refType="h" fact="0.6876"/>
              <dgm:constr type="w" for="ch" forName="Child7" refType="w" fact="0.1108"/>
              <dgm:constr type="h" for="ch" forName="Child7" refType="h" fact="0.3124"/>
              <dgm:constr type="r" for="ch" forName="Accent6" refType="w" fact="0.3888"/>
              <dgm:constr type="t" for="ch" forName="Accent6" refType="h" fact="-0.0109"/>
              <dgm:constr type="w" for="ch" forName="Accent6" refType="w" fact="0.1679"/>
              <dgm:constr type="h" for="ch" forName="Accent6" refType="h" fact="0.806"/>
              <dgm:constr type="r" for="ch" forName="ParentBackground6" refType="w" fact="0.3602"/>
              <dgm:constr type="t" for="ch" forName="ParentBackground6" refType="h" fact="0.1262"/>
              <dgm:constr type="w" for="ch" forName="ParentBackground6" refType="w" fact="0.1108"/>
              <dgm:constr type="h" for="ch" forName="ParentBackground6" refType="h" fact="0.5319"/>
              <dgm:constr type="r" for="ch" forName="Child6" refType="w" fact="0.3602"/>
              <dgm:constr type="t" for="ch" forName="Child6" refType="h" fact="0.6876"/>
              <dgm:constr type="w" for="ch" forName="Child6" refType="w" fact="0.1108"/>
              <dgm:constr type="h" for="ch" forName="Child6" refType="h" fact="0.3124"/>
              <dgm:constr type="r" for="ch" forName="Accent5" refType="w" fact="0.5115"/>
              <dgm:constr type="t" for="ch" forName="Accent5" refType="h" fact="-0.0109"/>
              <dgm:constr type="w" for="ch" forName="Accent5" refType="w" fact="0.1679"/>
              <dgm:constr type="h" for="ch" forName="Accent5" refType="h" fact="0.806"/>
              <dgm:constr type="r" for="ch" forName="ParentBackground5" refType="w" fact="0.4829"/>
              <dgm:constr type="t" for="ch" forName="ParentBackground5" refType="h" fact="0.1262"/>
              <dgm:constr type="w" for="ch" forName="ParentBackground5" refType="w" fact="0.1108"/>
              <dgm:constr type="h" for="ch" forName="ParentBackground5" refType="h" fact="0.5319"/>
              <dgm:constr type="r" for="ch" forName="Child5" refType="w" fact="0.4829"/>
              <dgm:constr type="t" for="ch" forName="Child5" refType="h" fact="0.6876"/>
              <dgm:constr type="w" for="ch" forName="Child5" refType="w" fact="0.1108"/>
              <dgm:constr type="h" for="ch" forName="Child5" refType="h" fact="0.3124"/>
              <dgm:constr type="r" for="ch" forName="Accent4" refType="w" fact="0.6342"/>
              <dgm:constr type="t" for="ch" forName="Accent4" refType="h" fact="-0.0109"/>
              <dgm:constr type="w" for="ch" forName="Accent4" refType="w" fact="0.1679"/>
              <dgm:constr type="h" for="ch" forName="Accent4" refType="h" fact="0.806"/>
              <dgm:constr type="r" for="ch" forName="ParentBackground4" refType="w" fact="0.6056"/>
              <dgm:constr type="t" for="ch" forName="ParentBackground4" refType="h" fact="0.1262"/>
              <dgm:constr type="w" for="ch" forName="ParentBackground4" refType="w" fact="0.1108"/>
              <dgm:constr type="h" for="ch" forName="ParentBackground4" refType="h" fact="0.5319"/>
              <dgm:constr type="r" for="ch" forName="Child4" refType="w" fact="0.6056"/>
              <dgm:constr type="t" for="ch" forName="Child4" refType="h" fact="0.6876"/>
              <dgm:constr type="w" for="ch" forName="Child4" refType="w" fact="0.1108"/>
              <dgm:constr type="h" for="ch" forName="Child4" refType="h" fact="0.3124"/>
              <dgm:constr type="r" for="ch" forName="Accent3" refType="w" fact="0.7569"/>
              <dgm:constr type="t" for="ch" forName="Accent3" refType="h" fact="-0.0109"/>
              <dgm:constr type="w" for="ch" forName="Accent3" refType="w" fact="0.1679"/>
              <dgm:constr type="h" for="ch" forName="Accent3" refType="h" fact="0.806"/>
              <dgm:constr type="r" for="ch" forName="ParentBackground3" refType="w" fact="0.7283"/>
              <dgm:constr type="t" for="ch" forName="ParentBackground3" refType="h" fact="0.1262"/>
              <dgm:constr type="w" for="ch" forName="ParentBackground3" refType="w" fact="0.1108"/>
              <dgm:constr type="h" for="ch" forName="ParentBackground3" refType="h" fact="0.5319"/>
              <dgm:constr type="r" for="ch" forName="Child3" refType="w" fact="0.7283"/>
              <dgm:constr type="t" for="ch" forName="Child3" refType="h" fact="0.6876"/>
              <dgm:constr type="w" for="ch" forName="Child3" refType="w" fact="0.1108"/>
              <dgm:constr type="h" for="ch" forName="Child3" refType="h" fact="0.3124"/>
              <dgm:constr type="r" for="ch" forName="Accent2" refType="w" fact="0.8796"/>
              <dgm:constr type="t" for="ch" forName="Accent2" refType="h" fact="-0.0109"/>
              <dgm:constr type="w" for="ch" forName="Accent2" refType="w" fact="0.1679"/>
              <dgm:constr type="h" for="ch" forName="Accent2" refType="h" fact="0.806"/>
              <dgm:constr type="r" for="ch" forName="ParentBackground2" refType="w" fact="0.851"/>
              <dgm:constr type="t" for="ch" forName="ParentBackground2" refType="h" fact="0.1262"/>
              <dgm:constr type="w" for="ch" forName="ParentBackground2" refType="w" fact="0.1108"/>
              <dgm:constr type="h" for="ch" forName="ParentBackground2" refType="h" fact="0.5319"/>
              <dgm:constr type="r" for="ch" forName="Child2" refType="w" fact="0.851"/>
              <dgm:constr type="t" for="ch" forName="Child2" refType="h" fact="0.6876"/>
              <dgm:constr type="w" for="ch" forName="Child2" refType="w" fact="0.1108"/>
              <dgm:constr type="h" for="ch" forName="Child2" refType="h" fact="0.3124"/>
              <dgm:constr type="r" for="ch" forName="Accent1" refType="w" fact="1.0023"/>
              <dgm:constr type="t" for="ch" forName="Accent1" refType="h" fact="-0.0109"/>
              <dgm:constr type="w" for="ch" forName="Accent1" refType="w" fact="0.1679"/>
              <dgm:constr type="h" for="ch" forName="Accent1" refType="h" fact="0.806"/>
              <dgm:constr type="r" for="ch" forName="ParentBackground1" refType="w" fact="0.9737"/>
              <dgm:constr type="t" for="ch" forName="ParentBackground1" refType="h" fact="0.1262"/>
              <dgm:constr type="w" for="ch" forName="ParentBackground1" refType="w" fact="0.1108"/>
              <dgm:constr type="h" for="ch" forName="ParentBackground1" refType="h" fact="0.5319"/>
              <dgm:constr type="r" for="ch" forName="Child1" refType="w" fact="0.9737"/>
              <dgm:constr type="t" for="ch" forName="Child1" refType="h" fact="0.6876"/>
              <dgm:constr type="w" for="ch" forName="Child1" refType="w" fact="0.1108"/>
              <dgm:constr type="h" for="ch" forName="Child1" refType="h" fact="0.3124"/>
            </dgm:constrLst>
          </dgm:if>
          <dgm:if name="Name25" axis="ch" ptType="node" func="cnt" op="equ" val="9">
            <dgm:alg type="composite">
              <dgm:param type="ar" val="5.38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r" for="ch" forName="Parent9" refType="w" fact="0.0881"/>
              <dgm:constr type="t" for="ch" forName="Parent9" refType="h" fact="0.2022"/>
              <dgm:constr type="w" for="ch" forName="Parent9" refType="w" fact="0.0705"/>
              <dgm:constr type="h" for="ch" forName="Parent9" refType="h" fact="0.3799"/>
              <dgm:constr type="r" for="ch" forName="Parent8" refType="w" fact="0.1974"/>
              <dgm:constr type="t" for="ch" forName="Parent8" refType="h" fact="0.2022"/>
              <dgm:constr type="w" for="ch" forName="Parent8" refType="w" fact="0.0705"/>
              <dgm:constr type="h" for="ch" forName="Parent8" refType="h" fact="0.3799"/>
              <dgm:constr type="r" for="ch" forName="Parent7" refType="w" fact="0.3067"/>
              <dgm:constr type="t" for="ch" forName="Parent7" refType="h" fact="0.2022"/>
              <dgm:constr type="w" for="ch" forName="Parent7" refType="w" fact="0.0705"/>
              <dgm:constr type="h" for="ch" forName="Parent7" refType="h" fact="0.3799"/>
              <dgm:constr type="r" for="ch" forName="Parent6" refType="w" fact="0.416"/>
              <dgm:constr type="t" for="ch" forName="Parent6" refType="h" fact="0.2022"/>
              <dgm:constr type="w" for="ch" forName="Parent6" refType="w" fact="0.0705"/>
              <dgm:constr type="h" for="ch" forName="Parent6" refType="h" fact="0.3799"/>
              <dgm:constr type="r" for="ch" forName="Parent5" refType="w" fact="0.5253"/>
              <dgm:constr type="t" for="ch" forName="Parent5" refType="h" fact="0.2022"/>
              <dgm:constr type="w" for="ch" forName="Parent5" refType="w" fact="0.0705"/>
              <dgm:constr type="h" for="ch" forName="Parent5" refType="h" fact="0.3799"/>
              <dgm:constr type="r" for="ch" forName="Parent4" refType="w" fact="0.6346"/>
              <dgm:constr type="t" for="ch" forName="Parent4" refType="h" fact="0.2022"/>
              <dgm:constr type="w" for="ch" forName="Parent4" refType="w" fact="0.0705"/>
              <dgm:constr type="h" for="ch" forName="Parent4" refType="h" fact="0.3799"/>
              <dgm:constr type="r" for="ch" forName="Parent3" refType="w" fact="0.7439"/>
              <dgm:constr type="t" for="ch" forName="Parent3" refType="h" fact="0.2022"/>
              <dgm:constr type="w" for="ch" forName="Parent3" refType="w" fact="0.0705"/>
              <dgm:constr type="h" for="ch" forName="Parent3" refType="h" fact="0.3799"/>
              <dgm:constr type="r" for="ch" forName="Parent2" refType="w" fact="0.8532"/>
              <dgm:constr type="t" for="ch" forName="Parent2" refType="h" fact="0.2022"/>
              <dgm:constr type="w" for="ch" forName="Parent2" refType="w" fact="0.0705"/>
              <dgm:constr type="h" for="ch" forName="Parent2" refType="h" fact="0.3799"/>
              <dgm:constr type="r" for="ch" forName="Parent1" refType="w" fact="0.9625"/>
              <dgm:constr type="t" for="ch" forName="Parent1" refType="h" fact="0.2022"/>
              <dgm:constr type="w" for="ch" forName="Parent1" refType="w" fact="0.0705"/>
              <dgm:constr type="h" for="ch" forName="Parent1" refType="h" fact="0.3799"/>
              <dgm:constr type="r" for="ch" forName="Accent9" refType="w" fact="0.1058"/>
              <dgm:constr type="t" for="ch" forName="Accent9" refType="h" fact="0.1072"/>
              <dgm:constr type="w" for="ch" forName="Accent9" refType="w" fact="0.1058"/>
              <dgm:constr type="h" for="ch" forName="Accent9" refType="h" fact="0.5699"/>
              <dgm:constr type="r" for="ch" forName="ParentBackground9" refType="w" fact="0.1022"/>
              <dgm:constr type="t" for="ch" forName="ParentBackground9" refType="h" fact="0.1262"/>
              <dgm:constr type="w" for="ch" forName="ParentBackground9" refType="w" fact="0.0987"/>
              <dgm:constr type="h" for="ch" forName="ParentBackground9" refType="h" fact="0.5319"/>
              <dgm:constr type="r" for="ch" forName="Child9" refType="w" fact="0.1022"/>
              <dgm:constr type="t" for="ch" forName="Child9" refType="h" fact="0.6876"/>
              <dgm:constr type="w" for="ch" forName="Child9" refType="w" fact="0.0987"/>
              <dgm:constr type="h" for="ch" forName="Child9" refType="h" fact="0.3124"/>
              <dgm:constr type="r" for="ch" forName="Accent8" refType="w" fact="0.237"/>
              <dgm:constr type="t" for="ch" forName="Accent8" refType="h" fact="-0.0109"/>
              <dgm:constr type="w" for="ch" forName="Accent8" refType="w" fact="0.1496"/>
              <dgm:constr type="h" for="ch" forName="Accent8" refType="h" fact="0.806"/>
              <dgm:constr type="r" for="ch" forName="ParentBackground8" refType="w" fact="0.2115"/>
              <dgm:constr type="t" for="ch" forName="ParentBackground8" refType="h" fact="0.1262"/>
              <dgm:constr type="w" for="ch" forName="ParentBackground8" refType="w" fact="0.0987"/>
              <dgm:constr type="h" for="ch" forName="ParentBackground8" refType="h" fact="0.5319"/>
              <dgm:constr type="r" for="ch" forName="Child8" refType="w" fact="0.2115"/>
              <dgm:constr type="t" for="ch" forName="Child8" refType="h" fact="0.6876"/>
              <dgm:constr type="w" for="ch" forName="Child8" refType="w" fact="0.0987"/>
              <dgm:constr type="h" for="ch" forName="Child8" refType="h" fact="0.3124"/>
              <dgm:constr type="r" for="ch" forName="Accent7" refType="w" fact="0.3462"/>
              <dgm:constr type="t" for="ch" forName="Accent7" refType="h" fact="-0.0109"/>
              <dgm:constr type="w" for="ch" forName="Accent7" refType="w" fact="0.1496"/>
              <dgm:constr type="h" for="ch" forName="Accent7" refType="h" fact="0.806"/>
              <dgm:constr type="r" for="ch" forName="ParentBackground7" refType="w" fact="0.3208"/>
              <dgm:constr type="t" for="ch" forName="ParentBackground7" refType="h" fact="0.1262"/>
              <dgm:constr type="w" for="ch" forName="ParentBackground7" refType="w" fact="0.0987"/>
              <dgm:constr type="h" for="ch" forName="ParentBackground7" refType="h" fact="0.5319"/>
              <dgm:constr type="r" for="ch" forName="Child7" refType="w" fact="0.3208"/>
              <dgm:constr type="t" for="ch" forName="Child7" refType="h" fact="0.6876"/>
              <dgm:constr type="w" for="ch" forName="Child7" refType="w" fact="0.0987"/>
              <dgm:constr type="h" for="ch" forName="Child7" refType="h" fact="0.3124"/>
              <dgm:constr type="r" for="ch" forName="Accent6" refType="w" fact="0.4555"/>
              <dgm:constr type="t" for="ch" forName="Accent6" refType="h" fact="-0.0109"/>
              <dgm:constr type="w" for="ch" forName="Accent6" refType="w" fact="0.1496"/>
              <dgm:constr type="h" for="ch" forName="Accent6" refType="h" fact="0.806"/>
              <dgm:constr type="r" for="ch" forName="ParentBackground6" refType="w" fact="0.4301"/>
              <dgm:constr type="t" for="ch" forName="ParentBackground6" refType="h" fact="0.1262"/>
              <dgm:constr type="w" for="ch" forName="ParentBackground6" refType="w" fact="0.0987"/>
              <dgm:constr type="h" for="ch" forName="ParentBackground6" refType="h" fact="0.5319"/>
              <dgm:constr type="r" for="ch" forName="Child6" refType="w" fact="0.4301"/>
              <dgm:constr type="t" for="ch" forName="Child6" refType="h" fact="0.6876"/>
              <dgm:constr type="w" for="ch" forName="Child6" refType="w" fact="0.0987"/>
              <dgm:constr type="h" for="ch" forName="Child6" refType="h" fact="0.3124"/>
              <dgm:constr type="r" for="ch" forName="Accent5" refType="w" fact="0.5648"/>
              <dgm:constr type="t" for="ch" forName="Accent5" refType="h" fact="-0.0109"/>
              <dgm:constr type="w" for="ch" forName="Accent5" refType="w" fact="0.1496"/>
              <dgm:constr type="h" for="ch" forName="Accent5" refType="h" fact="0.806"/>
              <dgm:constr type="r" for="ch" forName="ParentBackground5" refType="w" fact="0.5394"/>
              <dgm:constr type="t" for="ch" forName="ParentBackground5" refType="h" fact="0.1262"/>
              <dgm:constr type="w" for="ch" forName="ParentBackground5" refType="w" fact="0.0987"/>
              <dgm:constr type="h" for="ch" forName="ParentBackground5" refType="h" fact="0.5319"/>
              <dgm:constr type="r" for="ch" forName="Child5" refType="w" fact="0.5394"/>
              <dgm:constr type="t" for="ch" forName="Child5" refType="h" fact="0.6876"/>
              <dgm:constr type="w" for="ch" forName="Child5" refType="w" fact="0.0987"/>
              <dgm:constr type="h" for="ch" forName="Child5" refType="h" fact="0.3124"/>
              <dgm:constr type="r" for="ch" forName="Accent4" refType="w" fact="0.6741"/>
              <dgm:constr type="t" for="ch" forName="Accent4" refType="h" fact="-0.0109"/>
              <dgm:constr type="w" for="ch" forName="Accent4" refType="w" fact="0.1496"/>
              <dgm:constr type="h" for="ch" forName="Accent4" refType="h" fact="0.806"/>
              <dgm:constr type="r" for="ch" forName="ParentBackground4" refType="w" fact="0.6487"/>
              <dgm:constr type="t" for="ch" forName="ParentBackground4" refType="h" fact="0.1262"/>
              <dgm:constr type="w" for="ch" forName="ParentBackground4" refType="w" fact="0.0987"/>
              <dgm:constr type="h" for="ch" forName="ParentBackground4" refType="h" fact="0.5319"/>
              <dgm:constr type="r" for="ch" forName="Child4" refType="w" fact="0.6487"/>
              <dgm:constr type="t" for="ch" forName="Child4" refType="h" fact="0.6876"/>
              <dgm:constr type="w" for="ch" forName="Child4" refType="w" fact="0.0987"/>
              <dgm:constr type="h" for="ch" forName="Child4" refType="h" fact="0.3124"/>
              <dgm:constr type="r" for="ch" forName="Accent3" refType="w" fact="0.7834"/>
              <dgm:constr type="t" for="ch" forName="Accent3" refType="h" fact="-0.0109"/>
              <dgm:constr type="w" for="ch" forName="Accent3" refType="w" fact="0.1496"/>
              <dgm:constr type="h" for="ch" forName="Accent3" refType="h" fact="0.806"/>
              <dgm:constr type="r" for="ch" forName="ParentBackground3" refType="w" fact="0.758"/>
              <dgm:constr type="t" for="ch" forName="ParentBackground3" refType="h" fact="0.1262"/>
              <dgm:constr type="w" for="ch" forName="ParentBackground3" refType="w" fact="0.0987"/>
              <dgm:constr type="h" for="ch" forName="ParentBackground3" refType="h" fact="0.5319"/>
              <dgm:constr type="r" for="ch" forName="Child3" refType="w" fact="0.758"/>
              <dgm:constr type="t" for="ch" forName="Child3" refType="h" fact="0.6876"/>
              <dgm:constr type="w" for="ch" forName="Child3" refType="w" fact="0.0987"/>
              <dgm:constr type="h" for="ch" forName="Child3" refType="h" fact="0.3124"/>
              <dgm:constr type="r" for="ch" forName="Accent2" refType="w" fact="0.8927"/>
              <dgm:constr type="t" for="ch" forName="Accent2" refType="h" fact="-0.0109"/>
              <dgm:constr type="w" for="ch" forName="Accent2" refType="w" fact="0.1496"/>
              <dgm:constr type="h" for="ch" forName="Accent2" refType="h" fact="0.806"/>
              <dgm:constr type="r" for="ch" forName="ParentBackground2" refType="w" fact="0.8673"/>
              <dgm:constr type="t" for="ch" forName="ParentBackground2" refType="h" fact="0.1262"/>
              <dgm:constr type="w" for="ch" forName="ParentBackground2" refType="w" fact="0.0987"/>
              <dgm:constr type="h" for="ch" forName="ParentBackground2" refType="h" fact="0.5319"/>
              <dgm:constr type="r" for="ch" forName="Child2" refType="w" fact="0.8673"/>
              <dgm:constr type="t" for="ch" forName="Child2" refType="h" fact="0.6876"/>
              <dgm:constr type="w" for="ch" forName="Child2" refType="w" fact="0.0987"/>
              <dgm:constr type="h" for="ch" forName="Child2" refType="h" fact="0.3124"/>
              <dgm:constr type="r" for="ch" forName="Accent1" refType="w" fact="1.002"/>
              <dgm:constr type="t" for="ch" forName="Accent1" refType="h" fact="-0.0109"/>
              <dgm:constr type="w" for="ch" forName="Accent1" refType="w" fact="0.1496"/>
              <dgm:constr type="h" for="ch" forName="Accent1" refType="h" fact="0.806"/>
              <dgm:constr type="r" for="ch" forName="ParentBackground1" refType="w" fact="0.9765"/>
              <dgm:constr type="t" for="ch" forName="ParentBackground1" refType="h" fact="0.1262"/>
              <dgm:constr type="w" for="ch" forName="ParentBackground1" refType="w" fact="0.0987"/>
              <dgm:constr type="h" for="ch" forName="ParentBackground1" refType="h" fact="0.5319"/>
              <dgm:constr type="r" for="ch" forName="Child1" refType="w" fact="0.9765"/>
              <dgm:constr type="t" for="ch" forName="Child1" refType="h" fact="0.6876"/>
              <dgm:constr type="w" for="ch" forName="Child1" refType="w" fact="0.0987"/>
              <dgm:constr type="h" for="ch" forName="Child1" refType="h" fact="0.3124"/>
            </dgm:constrLst>
          </dgm:if>
          <dgm:if name="Name26" axis="ch" ptType="node" func="cnt" op="equ" val="10">
            <dgm:alg type="composite">
              <dgm:param type="ar" val="5.976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7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r" for="ch" forName="Parent10" refType="w" fact="0.0795"/>
              <dgm:constr type="t" for="ch" forName="Parent10" refType="h" fact="0.2022"/>
              <dgm:constr type="w" for="ch" forName="Parent10" refType="w" fact="0.0636"/>
              <dgm:constr type="h" for="ch" forName="Parent10" refType="h" fact="0.3799"/>
              <dgm:constr type="r" for="ch" forName="Parent9" refType="w" fact="0.178"/>
              <dgm:constr type="t" for="ch" forName="Parent9" refType="h" fact="0.2022"/>
              <dgm:constr type="w" for="ch" forName="Parent9" refType="w" fact="0.0636"/>
              <dgm:constr type="h" for="ch" forName="Parent9" refType="h" fact="0.3799"/>
              <dgm:constr type="r" for="ch" forName="Parent8" refType="w" fact="0.2765"/>
              <dgm:constr type="t" for="ch" forName="Parent8" refType="h" fact="0.2022"/>
              <dgm:constr type="w" for="ch" forName="Parent8" refType="w" fact="0.0636"/>
              <dgm:constr type="h" for="ch" forName="Parent8" refType="h" fact="0.3799"/>
              <dgm:constr type="r" for="ch" forName="Parent7" refType="w" fact="0.375"/>
              <dgm:constr type="t" for="ch" forName="Parent7" refType="h" fact="0.2022"/>
              <dgm:constr type="w" for="ch" forName="Parent7" refType="w" fact="0.0636"/>
              <dgm:constr type="h" for="ch" forName="Parent7" refType="h" fact="0.3799"/>
              <dgm:constr type="r" for="ch" forName="Parent6" refType="w" fact="0.4736"/>
              <dgm:constr type="t" for="ch" forName="Parent6" refType="h" fact="0.2022"/>
              <dgm:constr type="w" for="ch" forName="Parent6" refType="w" fact="0.0636"/>
              <dgm:constr type="h" for="ch" forName="Parent6" refType="h" fact="0.3799"/>
              <dgm:constr type="r" for="ch" forName="Parent5" refType="w" fact="0.5721"/>
              <dgm:constr type="t" for="ch" forName="Parent5" refType="h" fact="0.2022"/>
              <dgm:constr type="w" for="ch" forName="Parent5" refType="w" fact="0.0636"/>
              <dgm:constr type="h" for="ch" forName="Parent5" refType="h" fact="0.3799"/>
              <dgm:constr type="r" for="ch" forName="Parent4" refType="w" fact="0.6706"/>
              <dgm:constr type="t" for="ch" forName="Parent4" refType="h" fact="0.2022"/>
              <dgm:constr type="w" for="ch" forName="Parent4" refType="w" fact="0.0636"/>
              <dgm:constr type="h" for="ch" forName="Parent4" refType="h" fact="0.3799"/>
              <dgm:constr type="r" for="ch" forName="Parent3" refType="w" fact="0.7691"/>
              <dgm:constr type="t" for="ch" forName="Parent3" refType="h" fact="0.2022"/>
              <dgm:constr type="w" for="ch" forName="Parent3" refType="w" fact="0.0636"/>
              <dgm:constr type="h" for="ch" forName="Parent3" refType="h" fact="0.3799"/>
              <dgm:constr type="r" for="ch" forName="Parent2" refType="w" fact="0.8676"/>
              <dgm:constr type="t" for="ch" forName="Parent2" refType="h" fact="0.2022"/>
              <dgm:constr type="w" for="ch" forName="Parent2" refType="w" fact="0.0636"/>
              <dgm:constr type="h" for="ch" forName="Parent2" refType="h" fact="0.3799"/>
              <dgm:constr type="r" for="ch" forName="Parent1" refType="w" fact="0.9662"/>
              <dgm:constr type="t" for="ch" forName="Parent1" refType="h" fact="0.2022"/>
              <dgm:constr type="w" for="ch" forName="Parent1" refType="w" fact="0.0636"/>
              <dgm:constr type="h" for="ch" forName="Parent1" refType="h" fact="0.3799"/>
              <dgm:constr type="r" for="ch" forName="Accent10" refType="w" fact="0.0953"/>
              <dgm:constr type="t" for="ch" forName="Accent10" refType="h" fact="0.1072"/>
              <dgm:constr type="w" for="ch" forName="Accent10" refType="w" fact="0.0953"/>
              <dgm:constr type="h" for="ch" forName="Accent10" refType="h" fact="0.5699"/>
              <dgm:constr type="r" for="ch" forName="ParentBackground10" refType="w" fact="0.0922"/>
              <dgm:constr type="t" for="ch" forName="ParentBackground10" refType="h" fact="0.1262"/>
              <dgm:constr type="w" for="ch" forName="ParentBackground10" refType="w" fact="0.089"/>
              <dgm:constr type="h" for="ch" forName="ParentBackground10" refType="h" fact="0.5319"/>
              <dgm:constr type="r" for="ch" forName="Child10" refType="w" fact="0.0922"/>
              <dgm:constr type="t" for="ch" forName="Child10" refType="h" fact="0.6876"/>
              <dgm:constr type="w" for="ch" forName="Child10" refType="w" fact="0.089"/>
              <dgm:constr type="h" for="ch" forName="Child10" refType="h" fact="0.3124"/>
              <dgm:constr type="r" for="ch" forName="Accent9" refType="w" fact="0.2136"/>
              <dgm:constr type="t" for="ch" forName="Accent9" refType="h" fact="-0.0109"/>
              <dgm:constr type="w" for="ch" forName="Accent9" refType="w" fact="0.1348"/>
              <dgm:constr type="h" for="ch" forName="Accent9" refType="h" fact="0.806"/>
              <dgm:constr type="r" for="ch" forName="ParentBackground9" refType="w" fact="0.1907"/>
              <dgm:constr type="t" for="ch" forName="ParentBackground9" refType="h" fact="0.1262"/>
              <dgm:constr type="w" for="ch" forName="ParentBackground9" refType="w" fact="0.089"/>
              <dgm:constr type="h" for="ch" forName="ParentBackground9" refType="h" fact="0.5319"/>
              <dgm:constr type="r" for="ch" forName="Child9" refType="w" fact="0.1907"/>
              <dgm:constr type="t" for="ch" forName="Child9" refType="h" fact="0.6876"/>
              <dgm:constr type="w" for="ch" forName="Child9" refType="w" fact="0.089"/>
              <dgm:constr type="h" for="ch" forName="Child9" refType="h" fact="0.3124"/>
              <dgm:constr type="r" for="ch" forName="Accent8" refType="w" fact="0.3121"/>
              <dgm:constr type="t" for="ch" forName="Accent8" refType="h" fact="-0.0109"/>
              <dgm:constr type="w" for="ch" forName="Accent8" refType="w" fact="0.1348"/>
              <dgm:constr type="h" for="ch" forName="Accent8" refType="h" fact="0.806"/>
              <dgm:constr type="r" for="ch" forName="ParentBackground8" refType="w" fact="0.2892"/>
              <dgm:constr type="t" for="ch" forName="ParentBackground8" refType="h" fact="0.1262"/>
              <dgm:constr type="w" for="ch" forName="ParentBackground8" refType="w" fact="0.089"/>
              <dgm:constr type="h" for="ch" forName="ParentBackground8" refType="h" fact="0.5319"/>
              <dgm:constr type="r" for="ch" forName="Child8" refType="w" fact="0.2892"/>
              <dgm:constr type="t" for="ch" forName="Child8" refType="h" fact="0.6876"/>
              <dgm:constr type="w" for="ch" forName="Child8" refType="w" fact="0.089"/>
              <dgm:constr type="h" for="ch" forName="Child8" refType="h" fact="0.3124"/>
              <dgm:constr type="r" for="ch" forName="Accent7" refType="w" fact="0.4107"/>
              <dgm:constr type="t" for="ch" forName="Accent7" refType="h" fact="-0.0109"/>
              <dgm:constr type="w" for="ch" forName="Accent7" refType="w" fact="0.1348"/>
              <dgm:constr type="h" for="ch" forName="Accent7" refType="h" fact="0.806"/>
              <dgm:constr type="r" for="ch" forName="ParentBackground7" refType="w" fact="0.3877"/>
              <dgm:constr type="t" for="ch" forName="ParentBackground7" refType="h" fact="0.1262"/>
              <dgm:constr type="w" for="ch" forName="ParentBackground7" refType="w" fact="0.089"/>
              <dgm:constr type="h" for="ch" forName="ParentBackground7" refType="h" fact="0.5319"/>
              <dgm:constr type="r" for="ch" forName="Child7" refType="w" fact="0.3877"/>
              <dgm:constr type="t" for="ch" forName="Child7" refType="h" fact="0.6876"/>
              <dgm:constr type="w" for="ch" forName="Child7" refType="w" fact="0.089"/>
              <dgm:constr type="h" for="ch" forName="Child7" refType="h" fact="0.3124"/>
              <dgm:constr type="r" for="ch" forName="Accent6" refType="w" fact="0.5092"/>
              <dgm:constr type="t" for="ch" forName="Accent6" refType="h" fact="-0.0109"/>
              <dgm:constr type="w" for="ch" forName="Accent6" refType="w" fact="0.1348"/>
              <dgm:constr type="h" for="ch" forName="Accent6" refType="h" fact="0.806"/>
              <dgm:constr type="r" for="ch" forName="ParentBackground6" refType="w" fact="0.4863"/>
              <dgm:constr type="t" for="ch" forName="ParentBackground6" refType="h" fact="0.1262"/>
              <dgm:constr type="w" for="ch" forName="ParentBackground6" refType="w" fact="0.089"/>
              <dgm:constr type="h" for="ch" forName="ParentBackground6" refType="h" fact="0.5319"/>
              <dgm:constr type="r" for="ch" forName="Child6" refType="w" fact="0.4863"/>
              <dgm:constr type="t" for="ch" forName="Child6" refType="h" fact="0.6876"/>
              <dgm:constr type="w" for="ch" forName="Child6" refType="w" fact="0.089"/>
              <dgm:constr type="h" for="ch" forName="Child6" refType="h" fact="0.3124"/>
              <dgm:constr type="r" for="ch" forName="Accent5" refType="w" fact="0.6077"/>
              <dgm:constr type="t" for="ch" forName="Accent5" refType="h" fact="-0.0109"/>
              <dgm:constr type="w" for="ch" forName="Accent5" refType="w" fact="0.1348"/>
              <dgm:constr type="h" for="ch" forName="Accent5" refType="h" fact="0.806"/>
              <dgm:constr type="r" for="ch" forName="ParentBackground5" refType="w" fact="0.5848"/>
              <dgm:constr type="t" for="ch" forName="ParentBackground5" refType="h" fact="0.1262"/>
              <dgm:constr type="w" for="ch" forName="ParentBackground5" refType="w" fact="0.089"/>
              <dgm:constr type="h" for="ch" forName="ParentBackground5" refType="h" fact="0.5319"/>
              <dgm:constr type="r" for="ch" forName="Child5" refType="w" fact="0.5848"/>
              <dgm:constr type="t" for="ch" forName="Child5" refType="h" fact="0.6876"/>
              <dgm:constr type="w" for="ch" forName="Child5" refType="w" fact="0.089"/>
              <dgm:constr type="h" for="ch" forName="Child5" refType="h" fact="0.3124"/>
              <dgm:constr type="r" for="ch" forName="Accent4" refType="w" fact="0.7062"/>
              <dgm:constr type="t" for="ch" forName="Accent4" refType="h" fact="-0.0109"/>
              <dgm:constr type="w" for="ch" forName="Accent4" refType="w" fact="0.1348"/>
              <dgm:constr type="h" for="ch" forName="Accent4" refType="h" fact="0.806"/>
              <dgm:constr type="r" for="ch" forName="ParentBackground4" refType="w" fact="0.6833"/>
              <dgm:constr type="t" for="ch" forName="ParentBackground4" refType="h" fact="0.1262"/>
              <dgm:constr type="w" for="ch" forName="ParentBackground4" refType="w" fact="0.089"/>
              <dgm:constr type="h" for="ch" forName="ParentBackground4" refType="h" fact="0.5319"/>
              <dgm:constr type="r" for="ch" forName="Child4" refType="w" fact="0.6833"/>
              <dgm:constr type="t" for="ch" forName="Child4" refType="h" fact="0.6876"/>
              <dgm:constr type="w" for="ch" forName="Child4" refType="w" fact="0.089"/>
              <dgm:constr type="h" for="ch" forName="Child4" refType="h" fact="0.3124"/>
              <dgm:constr type="r" for="ch" forName="Accent3" refType="w" fact="0.8048"/>
              <dgm:constr type="t" for="ch" forName="Accent3" refType="h" fact="-0.0109"/>
              <dgm:constr type="w" for="ch" forName="Accent3" refType="w" fact="0.1348"/>
              <dgm:constr type="h" for="ch" forName="Accent3" refType="h" fact="0.806"/>
              <dgm:constr type="r" for="ch" forName="ParentBackground3" refType="w" fact="0.7818"/>
              <dgm:constr type="t" for="ch" forName="ParentBackground3" refType="h" fact="0.1262"/>
              <dgm:constr type="w" for="ch" forName="ParentBackground3" refType="w" fact="0.089"/>
              <dgm:constr type="h" for="ch" forName="ParentBackground3" refType="h" fact="0.5319"/>
              <dgm:constr type="r" for="ch" forName="Child3" refType="w" fact="0.7818"/>
              <dgm:constr type="t" for="ch" forName="Child3" refType="h" fact="0.6876"/>
              <dgm:constr type="w" for="ch" forName="Child3" refType="w" fact="0.089"/>
              <dgm:constr type="h" for="ch" forName="Child3" refType="h" fact="0.3124"/>
              <dgm:constr type="r" for="ch" forName="Accent2" refType="w" fact="0.9033"/>
              <dgm:constr type="t" for="ch" forName="Accent2" refType="h" fact="-0.0109"/>
              <dgm:constr type="w" for="ch" forName="Accent2" refType="w" fact="0.1348"/>
              <dgm:constr type="h" for="ch" forName="Accent2" refType="h" fact="0.806"/>
              <dgm:constr type="r" for="ch" forName="ParentBackground2" refType="w" fact="0.8804"/>
              <dgm:constr type="t" for="ch" forName="ParentBackground2" refType="h" fact="0.1262"/>
              <dgm:constr type="w" for="ch" forName="ParentBackground2" refType="w" fact="0.089"/>
              <dgm:constr type="h" for="ch" forName="ParentBackground2" refType="h" fact="0.5319"/>
              <dgm:constr type="r" for="ch" forName="Child2" refType="w" fact="0.8804"/>
              <dgm:constr type="t" for="ch" forName="Child2" refType="h" fact="0.6876"/>
              <dgm:constr type="w" for="ch" forName="Child2" refType="w" fact="0.089"/>
              <dgm:constr type="h" for="ch" forName="Child2" refType="h" fact="0.3124"/>
              <dgm:constr type="r" for="ch" forName="Accent1" refType="w" fact="1.0018"/>
              <dgm:constr type="t" for="ch" forName="Accent1" refType="h" fact="-0.0109"/>
              <dgm:constr type="w" for="ch" forName="Accent1" refType="w" fact="0.1348"/>
              <dgm:constr type="h" for="ch" forName="Accent1" refType="h" fact="0.806"/>
              <dgm:constr type="r" for="ch" forName="ParentBackground1" refType="w" fact="0.9789"/>
              <dgm:constr type="t" for="ch" forName="ParentBackground1" refType="h" fact="0.1262"/>
              <dgm:constr type="w" for="ch" forName="ParentBackground1" refType="w" fact="0.089"/>
              <dgm:constr type="h" for="ch" forName="ParentBackground1" refType="h" fact="0.5319"/>
              <dgm:constr type="r" for="ch" forName="Child1" refType="w" fact="0.9789"/>
              <dgm:constr type="t" for="ch" forName="Child1" refType="h" fact="0.6876"/>
              <dgm:constr type="w" for="ch" forName="Child1" refType="w" fact="0.089"/>
              <dgm:constr type="h" for="ch" forName="Child1" refType="h" fact="0.3124"/>
            </dgm:constrLst>
          </dgm:if>
          <dgm:else name="Name27">
            <dgm:alg type="composite">
              <dgm:param type="ar" val="6.5658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8" refType="primFontSz" refFor="des" refForName="Parent1" op="lte"/>
              <dgm:constr type="primFontSz" for="des" forName="Child9" refType="primFontSz" refFor="des" refForName="Parent1" op="lte"/>
              <dgm:constr type="primFontSz" for="des" forName="Child10" refType="primFontSz" refFor="des" refForName="Parent1" op="lte"/>
              <dgm:constr type="primFontSz" for="des" forName="Child11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8" refType="primFontSz" refFor="des" refForName="Parent2" op="lte"/>
              <dgm:constr type="primFontSz" for="des" forName="Child9" refType="primFontSz" refFor="des" refForName="Parent2" op="lte"/>
              <dgm:constr type="primFontSz" for="des" forName="Child10" refType="primFontSz" refFor="des" refForName="Parent2" op="lte"/>
              <dgm:constr type="primFontSz" for="des" forName="Child11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8" refType="primFontSz" refFor="des" refForName="Parent3" op="lte"/>
              <dgm:constr type="primFontSz" for="des" forName="Child9" refType="primFontSz" refFor="des" refForName="Parent3" op="lte"/>
              <dgm:constr type="primFontSz" for="des" forName="Child10" refType="primFontSz" refFor="des" refForName="Parent3" op="lte"/>
              <dgm:constr type="primFontSz" for="des" forName="Child11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8" refType="primFontSz" refFor="des" refForName="Parent4" op="lte"/>
              <dgm:constr type="primFontSz" for="des" forName="Child9" refType="primFontSz" refFor="des" refForName="Parent4" op="lte"/>
              <dgm:constr type="primFontSz" for="des" forName="Child10" refType="primFontSz" refFor="des" refForName="Parent4" op="lte"/>
              <dgm:constr type="primFontSz" for="des" forName="Child11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8" refType="primFontSz" refFor="des" refForName="Parent5" op="lte"/>
              <dgm:constr type="primFontSz" for="des" forName="Child9" refType="primFontSz" refFor="des" refForName="Parent5" op="lte"/>
              <dgm:constr type="primFontSz" for="des" forName="Child10" refType="primFontSz" refFor="des" refForName="Parent5" op="lte"/>
              <dgm:constr type="primFontSz" for="des" forName="Child11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8" refType="primFontSz" refFor="des" refForName="Parent6" op="lte"/>
              <dgm:constr type="primFontSz" for="des" forName="Child9" refType="primFontSz" refFor="des" refForName="Parent6" op="lte"/>
              <dgm:constr type="primFontSz" for="des" forName="Child10" refType="primFontSz" refFor="des" refForName="Parent6" op="lte"/>
              <dgm:constr type="primFontSz" for="des" forName="Child11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Child8" refType="primFontSz" refFor="des" refForName="Parent7" op="lte"/>
              <dgm:constr type="primFontSz" for="des" forName="Child9" refType="primFontSz" refFor="des" refForName="Parent7" op="lte"/>
              <dgm:constr type="primFontSz" for="des" forName="Child10" refType="primFontSz" refFor="des" refForName="Parent7" op="lte"/>
              <dgm:constr type="primFontSz" for="des" forName="Child11" refType="primFontSz" refFor="des" refForName="Parent7" op="lte"/>
              <dgm:constr type="primFontSz" for="des" forName="Child1" refType="primFontSz" refFor="des" refForName="Parent8" op="lte"/>
              <dgm:constr type="primFontSz" for="des" forName="Child2" refType="primFontSz" refFor="des" refForName="Parent8" op="lte"/>
              <dgm:constr type="primFontSz" for="des" forName="Child3" refType="primFontSz" refFor="des" refForName="Parent8" op="lte"/>
              <dgm:constr type="primFontSz" for="des" forName="Child4" refType="primFontSz" refFor="des" refForName="Parent8" op="lte"/>
              <dgm:constr type="primFontSz" for="des" forName="Child5" refType="primFontSz" refFor="des" refForName="Parent8" op="lte"/>
              <dgm:constr type="primFontSz" for="des" forName="Child6" refType="primFontSz" refFor="des" refForName="Parent8" op="lte"/>
              <dgm:constr type="primFontSz" for="des" forName="Child7" refType="primFontSz" refFor="des" refForName="Parent8" op="lte"/>
              <dgm:constr type="primFontSz" for="des" forName="Child8" refType="primFontSz" refFor="des" refForName="Parent8" op="lte"/>
              <dgm:constr type="primFontSz" for="des" forName="Child9" refType="primFontSz" refFor="des" refForName="Parent8" op="lte"/>
              <dgm:constr type="primFontSz" for="des" forName="Child10" refType="primFontSz" refFor="des" refForName="Parent8" op="lte"/>
              <dgm:constr type="primFontSz" for="des" forName="Child11" refType="primFontSz" refFor="des" refForName="Parent8" op="lte"/>
              <dgm:constr type="primFontSz" for="des" forName="Child1" refType="primFontSz" refFor="des" refForName="Parent9" op="lte"/>
              <dgm:constr type="primFontSz" for="des" forName="Child2" refType="primFontSz" refFor="des" refForName="Parent9" op="lte"/>
              <dgm:constr type="primFontSz" for="des" forName="Child3" refType="primFontSz" refFor="des" refForName="Parent9" op="lte"/>
              <dgm:constr type="primFontSz" for="des" forName="Child4" refType="primFontSz" refFor="des" refForName="Parent9" op="lte"/>
              <dgm:constr type="primFontSz" for="des" forName="Child5" refType="primFontSz" refFor="des" refForName="Parent9" op="lte"/>
              <dgm:constr type="primFontSz" for="des" forName="Child6" refType="primFontSz" refFor="des" refForName="Parent9" op="lte"/>
              <dgm:constr type="primFontSz" for="des" forName="Child7" refType="primFontSz" refFor="des" refForName="Parent9" op="lte"/>
              <dgm:constr type="primFontSz" for="des" forName="Child8" refType="primFontSz" refFor="des" refForName="Parent9" op="lte"/>
              <dgm:constr type="primFontSz" for="des" forName="Child9" refType="primFontSz" refFor="des" refForName="Parent9" op="lte"/>
              <dgm:constr type="primFontSz" for="des" forName="Child10" refType="primFontSz" refFor="des" refForName="Parent9" op="lte"/>
              <dgm:constr type="primFontSz" for="des" forName="Child11" refType="primFontSz" refFor="des" refForName="Parent9" op="lte"/>
              <dgm:constr type="primFontSz" for="des" forName="Child1" refType="primFontSz" refFor="des" refForName="Parent10" op="lte"/>
              <dgm:constr type="primFontSz" for="des" forName="Child2" refType="primFontSz" refFor="des" refForName="Parent10" op="lte"/>
              <dgm:constr type="primFontSz" for="des" forName="Child3" refType="primFontSz" refFor="des" refForName="Parent10" op="lte"/>
              <dgm:constr type="primFontSz" for="des" forName="Child4" refType="primFontSz" refFor="des" refForName="Parent10" op="lte"/>
              <dgm:constr type="primFontSz" for="des" forName="Child5" refType="primFontSz" refFor="des" refForName="Parent10" op="lte"/>
              <dgm:constr type="primFontSz" for="des" forName="Child6" refType="primFontSz" refFor="des" refForName="Parent10" op="lte"/>
              <dgm:constr type="primFontSz" for="des" forName="Child7" refType="primFontSz" refFor="des" refForName="Parent10" op="lte"/>
              <dgm:constr type="primFontSz" for="des" forName="Child8" refType="primFontSz" refFor="des" refForName="Parent10" op="lte"/>
              <dgm:constr type="primFontSz" for="des" forName="Child9" refType="primFontSz" refFor="des" refForName="Parent10" op="lte"/>
              <dgm:constr type="primFontSz" for="des" forName="Child10" refType="primFontSz" refFor="des" refForName="Parent10" op="lte"/>
              <dgm:constr type="primFontSz" for="des" forName="Child11" refType="primFontSz" refFor="des" refForName="Parent10" op="lte"/>
              <dgm:constr type="primFontSz" for="des" forName="Child1" refType="primFontSz" refFor="des" refForName="Parent11" op="lte"/>
              <dgm:constr type="primFontSz" for="des" forName="Child2" refType="primFontSz" refFor="des" refForName="Parent11" op="lte"/>
              <dgm:constr type="primFontSz" for="des" forName="Child3" refType="primFontSz" refFor="des" refForName="Parent11" op="lte"/>
              <dgm:constr type="primFontSz" for="des" forName="Child4" refType="primFontSz" refFor="des" refForName="Parent11" op="lte"/>
              <dgm:constr type="primFontSz" for="des" forName="Child5" refType="primFontSz" refFor="des" refForName="Parent11" op="lte"/>
              <dgm:constr type="primFontSz" for="des" forName="Child6" refType="primFontSz" refFor="des" refForName="Parent11" op="lte"/>
              <dgm:constr type="primFontSz" for="des" forName="Child7" refType="primFontSz" refFor="des" refForName="Parent11" op="lte"/>
              <dgm:constr type="primFontSz" for="des" forName="Child8" refType="primFontSz" refFor="des" refForName="Parent11" op="lte"/>
              <dgm:constr type="primFontSz" for="des" forName="Child9" refType="primFontSz" refFor="des" refForName="Parent11" op="lte"/>
              <dgm:constr type="primFontSz" for="des" forName="Child10" refType="primFontSz" refFor="des" refForName="Parent11" op="lte"/>
              <dgm:constr type="primFontSz" for="des" forName="Child11" refType="primFontSz" refFor="des" refForName="Parent11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Parent8" refType="primFontSz" refFor="des" refForName="Parent1" op="equ"/>
              <dgm:constr type="primFontSz" for="des" forName="Parent9" refType="primFontSz" refFor="des" refForName="Parent1" op="equ"/>
              <dgm:constr type="primFontSz" for="des" forName="Parent10" refType="primFontSz" refFor="des" refForName="Parent1" op="equ"/>
              <dgm:constr type="primFontSz" for="des" forName="Parent11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primFontSz" for="des" forName="Child8" refType="primFontSz" refFor="des" refForName="Child1" op="equ"/>
              <dgm:constr type="primFontSz" for="des" forName="Child9" refType="primFontSz" refFor="des" refForName="Child1" op="equ"/>
              <dgm:constr type="primFontSz" for="des" forName="Child10" refType="primFontSz" refFor="des" refForName="Child1" op="equ"/>
              <dgm:constr type="primFontSz" for="des" forName="Child11" refType="primFontSz" refFor="des" refForName="Child1" op="equ"/>
              <dgm:constr type="r" for="ch" forName="Parent11" refType="w" fact="0.0723"/>
              <dgm:constr type="t" for="ch" forName="Parent11" refType="h" fact="0.2022"/>
              <dgm:constr type="w" for="ch" forName="Parent11" refType="w" fact="0.0579"/>
              <dgm:constr type="h" for="ch" forName="Parent11" refType="h" fact="0.3799"/>
              <dgm:constr type="r" for="ch" forName="Parent10" refType="w" fact="0.162"/>
              <dgm:constr type="t" for="ch" forName="Parent10" refType="h" fact="0.2022"/>
              <dgm:constr type="w" for="ch" forName="Parent10" refType="w" fact="0.0579"/>
              <dgm:constr type="h" for="ch" forName="Parent10" refType="h" fact="0.3799"/>
              <dgm:constr type="r" for="ch" forName="Parent9" refType="w" fact="0.2517"/>
              <dgm:constr type="t" for="ch" forName="Parent9" refType="h" fact="0.2022"/>
              <dgm:constr type="w" for="ch" forName="Parent9" refType="w" fact="0.0579"/>
              <dgm:constr type="h" for="ch" forName="Parent9" refType="h" fact="0.3799"/>
              <dgm:constr type="r" for="ch" forName="Parent8" refType="w" fact="0.3414"/>
              <dgm:constr type="t" for="ch" forName="Parent8" refType="h" fact="0.2022"/>
              <dgm:constr type="w" for="ch" forName="Parent8" refType="w" fact="0.0579"/>
              <dgm:constr type="h" for="ch" forName="Parent8" refType="h" fact="0.3799"/>
              <dgm:constr type="r" for="ch" forName="Parent7" refType="w" fact="0.4311"/>
              <dgm:constr type="t" for="ch" forName="Parent7" refType="h" fact="0.2022"/>
              <dgm:constr type="w" for="ch" forName="Parent7" refType="w" fact="0.0579"/>
              <dgm:constr type="h" for="ch" forName="Parent7" refType="h" fact="0.3799"/>
              <dgm:constr type="r" for="ch" forName="Parent6" refType="w" fact="0.5208"/>
              <dgm:constr type="t" for="ch" forName="Parent6" refType="h" fact="0.2022"/>
              <dgm:constr type="w" for="ch" forName="Parent6" refType="w" fact="0.0579"/>
              <dgm:constr type="h" for="ch" forName="Parent6" refType="h" fact="0.3799"/>
              <dgm:constr type="r" for="ch" forName="Parent5" refType="w" fact="0.6105"/>
              <dgm:constr type="t" for="ch" forName="Parent5" refType="h" fact="0.2022"/>
              <dgm:constr type="w" for="ch" forName="Parent5" refType="w" fact="0.0579"/>
              <dgm:constr type="h" for="ch" forName="Parent5" refType="h" fact="0.3799"/>
              <dgm:constr type="r" for="ch" forName="Parent4" refType="w" fact="0.7001"/>
              <dgm:constr type="t" for="ch" forName="Parent4" refType="h" fact="0.2022"/>
              <dgm:constr type="w" for="ch" forName="Parent4" refType="w" fact="0.0579"/>
              <dgm:constr type="h" for="ch" forName="Parent4" refType="h" fact="0.3799"/>
              <dgm:constr type="r" for="ch" forName="Parent3" refType="w" fact="0.7898"/>
              <dgm:constr type="t" for="ch" forName="Parent3" refType="h" fact="0.2022"/>
              <dgm:constr type="w" for="ch" forName="Parent3" refType="w" fact="0.0579"/>
              <dgm:constr type="h" for="ch" forName="Parent3" refType="h" fact="0.3799"/>
              <dgm:constr type="r" for="ch" forName="Parent2" refType="w" fact="0.8795"/>
              <dgm:constr type="t" for="ch" forName="Parent2" refType="h" fact="0.2022"/>
              <dgm:constr type="w" for="ch" forName="Parent2" refType="w" fact="0.0579"/>
              <dgm:constr type="h" for="ch" forName="Parent2" refType="h" fact="0.3799"/>
              <dgm:constr type="r" for="ch" forName="Parent1" refType="w" fact="0.9692"/>
              <dgm:constr type="t" for="ch" forName="Parent1" refType="h" fact="0.2022"/>
              <dgm:constr type="w" for="ch" forName="Parent1" refType="w" fact="0.0579"/>
              <dgm:constr type="h" for="ch" forName="Parent1" refType="h" fact="0.3799"/>
              <dgm:constr type="r" for="ch" forName="Accent11" refType="w" fact="0.0868"/>
              <dgm:constr type="t" for="ch" forName="Accent11" refType="h" fact="0.1072"/>
              <dgm:constr type="w" for="ch" forName="Accent11" refType="w" fact="0.0868"/>
              <dgm:constr type="h" for="ch" forName="Accent11" refType="h" fact="0.5699"/>
              <dgm:constr type="r" for="ch" forName="ParentBackground11" refType="w" fact="0.0839"/>
              <dgm:constr type="t" for="ch" forName="ParentBackground11" refType="h" fact="0.1262"/>
              <dgm:constr type="w" for="ch" forName="ParentBackground11" refType="w" fact="0.081"/>
              <dgm:constr type="h" for="ch" forName="ParentBackground11" refType="h" fact="0.5319"/>
              <dgm:constr type="r" for="ch" forName="Child11" refType="w" fact="0.0839"/>
              <dgm:constr type="t" for="ch" forName="Child11" refType="h" fact="0.6876"/>
              <dgm:constr type="w" for="ch" forName="Child11" refType="w" fact="0.081"/>
              <dgm:constr type="h" for="ch" forName="Child11" refType="h" fact="0.3124"/>
              <dgm:constr type="r" for="ch" forName="Accent10" refType="w" fact="0.1945"/>
              <dgm:constr type="t" for="ch" forName="Accent10" refType="h" fact="-0.0109"/>
              <dgm:constr type="w" for="ch" forName="Accent10" refType="w" fact="0.1228"/>
              <dgm:constr type="h" for="ch" forName="Accent10" refType="h" fact="0.806"/>
              <dgm:constr type="r" for="ch" forName="ParentBackground10" refType="w" fact="0.1736"/>
              <dgm:constr type="t" for="ch" forName="ParentBackground10" refType="h" fact="0.1262"/>
              <dgm:constr type="w" for="ch" forName="ParentBackground10" refType="w" fact="0.081"/>
              <dgm:constr type="h" for="ch" forName="ParentBackground10" refType="h" fact="0.5319"/>
              <dgm:constr type="r" for="ch" forName="Child10" refType="w" fact="0.1736"/>
              <dgm:constr type="t" for="ch" forName="Child10" refType="h" fact="0.6876"/>
              <dgm:constr type="w" for="ch" forName="Child10" refType="w" fact="0.081"/>
              <dgm:constr type="h" for="ch" forName="Child10" refType="h" fact="0.3124"/>
              <dgm:constr type="r" for="ch" forName="Accent9" refType="w" fact="0.2842"/>
              <dgm:constr type="t" for="ch" forName="Accent9" refType="h" fact="-0.0109"/>
              <dgm:constr type="w" for="ch" forName="Accent9" refType="w" fact="0.1228"/>
              <dgm:constr type="h" for="ch" forName="Accent9" refType="h" fact="0.806"/>
              <dgm:constr type="r" for="ch" forName="ParentBackground9" refType="w" fact="0.2633"/>
              <dgm:constr type="t" for="ch" forName="ParentBackground9" refType="h" fact="0.1262"/>
              <dgm:constr type="w" for="ch" forName="ParentBackground9" refType="w" fact="0.081"/>
              <dgm:constr type="h" for="ch" forName="ParentBackground9" refType="h" fact="0.5319"/>
              <dgm:constr type="r" for="ch" forName="Child9" refType="w" fact="0.2633"/>
              <dgm:constr type="t" for="ch" forName="Child9" refType="h" fact="0.6876"/>
              <dgm:constr type="w" for="ch" forName="Child9" refType="w" fact="0.081"/>
              <dgm:constr type="h" for="ch" forName="Child9" refType="h" fact="0.3124"/>
              <dgm:constr type="r" for="ch" forName="Accent8" refType="w" fact="0.3739"/>
              <dgm:constr type="t" for="ch" forName="Accent8" refType="h" fact="-0.0109"/>
              <dgm:constr type="w" for="ch" forName="Accent8" refType="w" fact="0.1228"/>
              <dgm:constr type="h" for="ch" forName="Accent8" refType="h" fact="0.806"/>
              <dgm:constr type="r" for="ch" forName="ParentBackground8" refType="w" fact="0.353"/>
              <dgm:constr type="t" for="ch" forName="ParentBackground8" refType="h" fact="0.1262"/>
              <dgm:constr type="w" for="ch" forName="ParentBackground8" refType="w" fact="0.081"/>
              <dgm:constr type="h" for="ch" forName="ParentBackground8" refType="h" fact="0.5319"/>
              <dgm:constr type="r" for="ch" forName="Child8" refType="w" fact="0.353"/>
              <dgm:constr type="t" for="ch" forName="Child8" refType="h" fact="0.6876"/>
              <dgm:constr type="w" for="ch" forName="Child8" refType="w" fact="0.081"/>
              <dgm:constr type="h" for="ch" forName="Child8" refType="h" fact="0.3124"/>
              <dgm:constr type="r" for="ch" forName="Accent7" refType="w" fact="0.4636"/>
              <dgm:constr type="t" for="ch" forName="Accent7" refType="h" fact="-0.0109"/>
              <dgm:constr type="w" for="ch" forName="Accent7" refType="w" fact="0.1228"/>
              <dgm:constr type="h" for="ch" forName="Accent7" refType="h" fact="0.806"/>
              <dgm:constr type="r" for="ch" forName="ParentBackground7" refType="w" fact="0.4427"/>
              <dgm:constr type="t" for="ch" forName="ParentBackground7" refType="h" fact="0.1262"/>
              <dgm:constr type="w" for="ch" forName="ParentBackground7" refType="w" fact="0.081"/>
              <dgm:constr type="h" for="ch" forName="ParentBackground7" refType="h" fact="0.5319"/>
              <dgm:constr type="r" for="ch" forName="Child7" refType="w" fact="0.4427"/>
              <dgm:constr type="t" for="ch" forName="Child7" refType="h" fact="0.6876"/>
              <dgm:constr type="w" for="ch" forName="Child7" refType="w" fact="0.081"/>
              <dgm:constr type="h" for="ch" forName="Child7" refType="h" fact="0.3124"/>
              <dgm:constr type="r" for="ch" forName="Accent6" refType="w" fact="0.5533"/>
              <dgm:constr type="t" for="ch" forName="Accent6" refType="h" fact="-0.0109"/>
              <dgm:constr type="w" for="ch" forName="Accent6" refType="w" fact="0.1228"/>
              <dgm:constr type="h" for="ch" forName="Accent6" refType="h" fact="0.806"/>
              <dgm:constr type="r" for="ch" forName="ParentBackground6" refType="w" fact="0.5323"/>
              <dgm:constr type="t" for="ch" forName="ParentBackground6" refType="h" fact="0.1262"/>
              <dgm:constr type="w" for="ch" forName="ParentBackground6" refType="w" fact="0.081"/>
              <dgm:constr type="h" for="ch" forName="ParentBackground6" refType="h" fact="0.5319"/>
              <dgm:constr type="r" for="ch" forName="Child6" refType="w" fact="0.5323"/>
              <dgm:constr type="t" for="ch" forName="Child6" refType="h" fact="0.6876"/>
              <dgm:constr type="w" for="ch" forName="Child6" refType="w" fact="0.081"/>
              <dgm:constr type="h" for="ch" forName="Child6" refType="h" fact="0.3124"/>
              <dgm:constr type="r" for="ch" forName="Accent5" refType="w" fact="0.6429"/>
              <dgm:constr type="t" for="ch" forName="Accent5" refType="h" fact="-0.0109"/>
              <dgm:constr type="w" for="ch" forName="Accent5" refType="w" fact="0.1228"/>
              <dgm:constr type="h" for="ch" forName="Accent5" refType="h" fact="0.806"/>
              <dgm:constr type="r" for="ch" forName="ParentBackground5" refType="w" fact="0.622"/>
              <dgm:constr type="t" for="ch" forName="ParentBackground5" refType="h" fact="0.1262"/>
              <dgm:constr type="w" for="ch" forName="ParentBackground5" refType="w" fact="0.081"/>
              <dgm:constr type="h" for="ch" forName="ParentBackground5" refType="h" fact="0.5319"/>
              <dgm:constr type="r" for="ch" forName="Child5" refType="w" fact="0.622"/>
              <dgm:constr type="t" for="ch" forName="Child5" refType="h" fact="0.6876"/>
              <dgm:constr type="w" for="ch" forName="Child5" refType="w" fact="0.081"/>
              <dgm:constr type="h" for="ch" forName="Child5" refType="h" fact="0.3124"/>
              <dgm:constr type="r" for="ch" forName="Accent4" refType="w" fact="0.7326"/>
              <dgm:constr type="t" for="ch" forName="Accent4" refType="h" fact="-0.0109"/>
              <dgm:constr type="w" for="ch" forName="Accent4" refType="w" fact="0.1228"/>
              <dgm:constr type="h" for="ch" forName="Accent4" refType="h" fact="0.806"/>
              <dgm:constr type="r" for="ch" forName="ParentBackground4" refType="w" fact="0.7117"/>
              <dgm:constr type="t" for="ch" forName="ParentBackground4" refType="h" fact="0.1262"/>
              <dgm:constr type="w" for="ch" forName="ParentBackground4" refType="w" fact="0.081"/>
              <dgm:constr type="h" for="ch" forName="ParentBackground4" refType="h" fact="0.5319"/>
              <dgm:constr type="r" for="ch" forName="Child4" refType="w" fact="0.7117"/>
              <dgm:constr type="t" for="ch" forName="Child4" refType="h" fact="0.6876"/>
              <dgm:constr type="w" for="ch" forName="Child4" refType="w" fact="0.081"/>
              <dgm:constr type="h" for="ch" forName="Child4" refType="h" fact="0.3124"/>
              <dgm:constr type="r" for="ch" forName="Accent3" refType="w" fact="0.8223"/>
              <dgm:constr type="t" for="ch" forName="Accent3" refType="h" fact="-0.0109"/>
              <dgm:constr type="w" for="ch" forName="Accent3" refType="w" fact="0.1228"/>
              <dgm:constr type="h" for="ch" forName="Accent3" refType="h" fact="0.806"/>
              <dgm:constr type="r" for="ch" forName="ParentBackground3" refType="w" fact="0.8014"/>
              <dgm:constr type="t" for="ch" forName="ParentBackground3" refType="h" fact="0.1262"/>
              <dgm:constr type="w" for="ch" forName="ParentBackground3" refType="w" fact="0.081"/>
              <dgm:constr type="h" for="ch" forName="ParentBackground3" refType="h" fact="0.5319"/>
              <dgm:constr type="r" for="ch" forName="Child3" refType="w" fact="0.8014"/>
              <dgm:constr type="t" for="ch" forName="Child3" refType="h" fact="0.6876"/>
              <dgm:constr type="w" for="ch" forName="Child3" refType="w" fact="0.081"/>
              <dgm:constr type="h" for="ch" forName="Child3" refType="h" fact="0.3124"/>
              <dgm:constr type="r" for="ch" forName="Accent2" refType="w" fact="0.912"/>
              <dgm:constr type="t" for="ch" forName="Accent2" refType="h" fact="-0.0109"/>
              <dgm:constr type="w" for="ch" forName="Accent2" refType="w" fact="0.1228"/>
              <dgm:constr type="h" for="ch" forName="Accent2" refType="h" fact="0.806"/>
              <dgm:constr type="r" for="ch" forName="ParentBackground2" refType="w" fact="0.8911"/>
              <dgm:constr type="t" for="ch" forName="ParentBackground2" refType="h" fact="0.1262"/>
              <dgm:constr type="w" for="ch" forName="ParentBackground2" refType="w" fact="0.081"/>
              <dgm:constr type="h" for="ch" forName="ParentBackground2" refType="h" fact="0.5319"/>
              <dgm:constr type="r" for="ch" forName="Child2" refType="w" fact="0.8911"/>
              <dgm:constr type="t" for="ch" forName="Child2" refType="h" fact="0.6876"/>
              <dgm:constr type="w" for="ch" forName="Child2" refType="w" fact="0.081"/>
              <dgm:constr type="h" for="ch" forName="Child2" refType="h" fact="0.3124"/>
              <dgm:constr type="r" for="ch" forName="Accent1" refType="w" fact="1.0017"/>
              <dgm:constr type="t" for="ch" forName="Accent1" refType="h" fact="-0.0109"/>
              <dgm:constr type="w" for="ch" forName="Accent1" refType="w" fact="0.1228"/>
              <dgm:constr type="h" for="ch" forName="Accent1" refType="h" fact="0.806"/>
              <dgm:constr type="r" for="ch" forName="ParentBackground1" refType="w" fact="0.9808"/>
              <dgm:constr type="t" for="ch" forName="ParentBackground1" refType="h" fact="0.1262"/>
              <dgm:constr type="w" for="ch" forName="ParentBackground1" refType="w" fact="0.081"/>
              <dgm:constr type="h" for="ch" forName="ParentBackground1" refType="h" fact="0.5319"/>
              <dgm:constr type="r" for="ch" forName="Child1" refType="w" fact="0.9808"/>
              <dgm:constr type="t" for="ch" forName="Child1" refType="h" fact="0.6876"/>
              <dgm:constr type="w" for="ch" forName="Child1" refType="w" fact="0.081"/>
              <dgm:constr type="h" for="ch" forName="Child1" refType="h" fact="0.3124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8">
            <dgm:if name="Name29" axis="followSib" ptType="node" func="cnt" op="equ" val="0">
              <dgm:shape xmlns:r="http://schemas.openxmlformats.org/officeDocument/2006/relationships" type="ellipse" r:blip="">
                <dgm:adjLst/>
              </dgm:shape>
            </dgm:if>
            <dgm:else name="Name30">
              <dgm:choose name="Name31">
                <dgm:if name="Name32" axis="precedSib" ptType="node" func="cnt" op="equ" val="10">
                  <dgm:shape xmlns:r="http://schemas.openxmlformats.org/officeDocument/2006/relationships" type="ellipse" r:blip="">
                    <dgm:adjLst/>
                  </dgm:shape>
                </dgm:if>
                <dgm:else name="Name33">
                  <dgm:choose name="Name34">
                    <dgm:if name="Name35" func="var" arg="dir" op="equ" val="norm">
                      <dgm:shape xmlns:r="http://schemas.openxmlformats.org/officeDocument/2006/relationships" rot="45" type="teardrop" r:blip="">
                        <dgm:adjLst>
                          <dgm:adj idx="1" val="1"/>
                        </dgm:adjLst>
                      </dgm:shape>
                    </dgm:if>
                    <dgm:else name="Name36">
                      <dgm:shape xmlns:r="http://schemas.openxmlformats.org/officeDocument/2006/relationships" rot="225" type="teardrop" r:blip="">
                        <dgm:adjLst>
                          <dgm:adj idx="1" val="1"/>
                        </dgm:adjLst>
                      </dgm:shape>
                    </dgm:else>
                  </dgm:choose>
                </dgm:else>
              </dgm:choose>
            </dgm:else>
          </dgm:choose>
          <dgm:presOf/>
        </dgm:layoutNode>
      </dgm:forEach>
      <dgm:forEach name="parentBackgroundRepeat" axis="self">
        <dgm:layoutNode name="ParentBackground" styleLbl="fgAcc1">
          <dgm:alg type="sp"/>
          <dgm:shape xmlns:r="http://schemas.openxmlformats.org/officeDocument/2006/relationships" type="ellipse" r:blip="">
            <dgm:adjLst/>
          </dgm:shape>
          <dgm:presOf axis="self" ptType="node"/>
        </dgm:layoutNode>
      </dgm:forEach>
    </dgm:forEach>
    <dgm:forEach name="Name37" axis="ch" ptType="node" st="11" cnt="1">
      <dgm:layoutNode name="Accent11">
        <dgm:alg type="sp"/>
        <dgm:shape xmlns:r="http://schemas.openxmlformats.org/officeDocument/2006/relationships" r:blip="">
          <dgm:adjLst/>
        </dgm:shape>
        <dgm:presOf/>
        <dgm:constrLst/>
        <dgm:forEach name="Name38" ref="accentRepeat"/>
      </dgm:layoutNode>
      <dgm:layoutNode name="ParentBackground11">
        <dgm:alg type="sp"/>
        <dgm:shape xmlns:r="http://schemas.openxmlformats.org/officeDocument/2006/relationships" r:blip="">
          <dgm:adjLst/>
        </dgm:shape>
        <dgm:presOf/>
        <dgm:forEach name="Name39" ref="parentBackgroundRepeat"/>
      </dgm:layoutNode>
      <dgm:choose name="Name40">
        <dgm:if name="Name41" axis="ch" ptType="node" func="cnt" op="gte" val="1">
          <dgm:layoutNode name="Child1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2"/>
      </dgm:choose>
      <dgm:layoutNode name="Parent1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3" axis="ch" ptType="node" st="10" cnt="1">
      <dgm:layoutNode name="Accent10">
        <dgm:alg type="sp"/>
        <dgm:shape xmlns:r="http://schemas.openxmlformats.org/officeDocument/2006/relationships" r:blip="">
          <dgm:adjLst/>
        </dgm:shape>
        <dgm:presOf/>
        <dgm:constrLst/>
        <dgm:forEach name="Name44" ref="accentRepeat"/>
      </dgm:layoutNode>
      <dgm:layoutNode name="ParentBackground10">
        <dgm:alg type="sp"/>
        <dgm:shape xmlns:r="http://schemas.openxmlformats.org/officeDocument/2006/relationships" r:blip="">
          <dgm:adjLst/>
        </dgm:shape>
        <dgm:presOf/>
        <dgm:forEach name="Name45" ref="parentBackgroundRepeat"/>
      </dgm:layoutNode>
      <dgm:choose name="Name46">
        <dgm:if name="Name47" axis="ch" ptType="node" func="cnt" op="gte" val="1">
          <dgm:layoutNode name="Child10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48"/>
      </dgm:choose>
      <dgm:layoutNode name="Parent10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49" axis="ch" ptType="node" st="9" cnt="1">
      <dgm:layoutNode name="Accent9">
        <dgm:alg type="sp"/>
        <dgm:shape xmlns:r="http://schemas.openxmlformats.org/officeDocument/2006/relationships" r:blip="">
          <dgm:adjLst/>
        </dgm:shape>
        <dgm:presOf/>
        <dgm:constrLst/>
        <dgm:forEach name="Name50" ref="accentRepeat"/>
      </dgm:layoutNode>
      <dgm:layoutNode name="ParentBackground9">
        <dgm:alg type="sp"/>
        <dgm:shape xmlns:r="http://schemas.openxmlformats.org/officeDocument/2006/relationships" r:blip="">
          <dgm:adjLst/>
        </dgm:shape>
        <dgm:presOf/>
        <dgm:forEach name="Name51" ref="parentBackgroundRepeat"/>
      </dgm:layoutNode>
      <dgm:choose name="Name52">
        <dgm:if name="Name53" axis="ch" ptType="node" func="cnt" op="gte" val="1">
          <dgm:layoutNode name="Child9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4"/>
      </dgm:choose>
      <dgm:layoutNode name="Parent9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55" axis="ch" ptType="node" st="8" cnt="1">
      <dgm:layoutNode name="Accent8">
        <dgm:alg type="sp"/>
        <dgm:shape xmlns:r="http://schemas.openxmlformats.org/officeDocument/2006/relationships" r:blip="">
          <dgm:adjLst/>
        </dgm:shape>
        <dgm:presOf/>
        <dgm:constrLst/>
        <dgm:forEach name="Name56" ref="accentRepeat"/>
      </dgm:layoutNode>
      <dgm:layoutNode name="ParentBackground8">
        <dgm:alg type="sp"/>
        <dgm:shape xmlns:r="http://schemas.openxmlformats.org/officeDocument/2006/relationships" r:blip="">
          <dgm:adjLst/>
        </dgm:shape>
        <dgm:presOf/>
        <dgm:forEach name="Name57" ref="parentBackgroundRepeat"/>
      </dgm:layoutNode>
      <dgm:choose name="Name58">
        <dgm:if name="Name59" axis="ch" ptType="node" func="cnt" op="gte" val="1">
          <dgm:layoutNode name="Child8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0"/>
      </dgm:choose>
      <dgm:layoutNode name="Parent8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1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62" ref="accentRepeat"/>
      </dgm:layoutNode>
      <dgm:layoutNode name="ParentBackground7">
        <dgm:alg type="sp"/>
        <dgm:shape xmlns:r="http://schemas.openxmlformats.org/officeDocument/2006/relationships" r:blip="">
          <dgm:adjLst/>
        </dgm:shape>
        <dgm:presOf/>
        <dgm:forEach name="Name63" ref="parentBackgroundRepeat"/>
      </dgm:layoutNode>
      <dgm:choose name="Name64">
        <dgm:if name="Name65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6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67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68" ref="accentRepeat"/>
      </dgm:layoutNode>
      <dgm:layoutNode name="ParentBackground6">
        <dgm:alg type="sp"/>
        <dgm:shape xmlns:r="http://schemas.openxmlformats.org/officeDocument/2006/relationships" r:blip="">
          <dgm:adjLst/>
        </dgm:shape>
        <dgm:presOf/>
        <dgm:forEach name="Name69" ref="parentBackgroundRepeat"/>
      </dgm:layoutNode>
      <dgm:choose name="Name70">
        <dgm:if name="Name71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3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74" ref="accentRepeat"/>
      </dgm:layoutNode>
      <dgm:layoutNode name="ParentBackground5">
        <dgm:alg type="sp"/>
        <dgm:shape xmlns:r="http://schemas.openxmlformats.org/officeDocument/2006/relationships" r:blip="">
          <dgm:adjLst/>
        </dgm:shape>
        <dgm:presOf/>
        <dgm:forEach name="Name75" ref="parentBackgroundRepeat"/>
      </dgm:layoutNode>
      <dgm:choose name="Name76">
        <dgm:if name="Name77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8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79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80" ref="accentRepeat"/>
      </dgm:layoutNode>
      <dgm:layoutNode name="ParentBackground4">
        <dgm:alg type="sp"/>
        <dgm:shape xmlns:r="http://schemas.openxmlformats.org/officeDocument/2006/relationships" r:blip="">
          <dgm:adjLst/>
        </dgm:shape>
        <dgm:presOf/>
        <dgm:forEach name="Name81" ref="parentBackgroundRepeat"/>
      </dgm:layoutNode>
      <dgm:choose name="Name82">
        <dgm:if name="Name8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layoutNode name="ParentBackground3">
        <dgm:alg type="sp"/>
        <dgm:shape xmlns:r="http://schemas.openxmlformats.org/officeDocument/2006/relationships" r:blip="">
          <dgm:adjLst/>
        </dgm:shape>
        <dgm:presOf/>
        <dgm:forEach name="Name87" ref="parentBackgroundRepeat"/>
      </dgm:layoutNode>
      <dgm:choose name="Name88">
        <dgm:if name="Name89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0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1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92" ref="accentRepeat"/>
      </dgm:layoutNode>
      <dgm:layoutNode name="ParentBackground2" styleLbl="fgAcc1">
        <dgm:alg type="sp"/>
        <dgm:shape xmlns:r="http://schemas.openxmlformats.org/officeDocument/2006/relationships" r:blip="">
          <dgm:adjLst/>
        </dgm:shape>
        <dgm:presOf/>
        <dgm:forEach name="Name93" ref="parentBackgroundRepeat"/>
      </dgm:layoutNode>
      <dgm:choose name="Name94">
        <dgm:if name="Name95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96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  <dgm:forEach name="Name97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98" ref="accentRepeat"/>
      </dgm:layoutNode>
      <dgm:layoutNode name="ParentBackground1">
        <dgm:alg type="sp"/>
        <dgm:shape xmlns:r="http://schemas.openxmlformats.org/officeDocument/2006/relationships" r:blip="">
          <dgm:adjLst/>
        </dgm:shape>
        <dgm:presOf/>
        <dgm:forEach name="Name99" ref="parentBackgroundRepeat"/>
      </dgm:layoutNode>
      <dgm:choose name="Name100">
        <dgm:if name="Name101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" val="t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102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 hideGeom="1">
          <dgm:adjLst/>
        </dgm:shape>
        <dgm:presOf axis="self" ptType="node"/>
        <dgm:constrLst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BE5EC2C-9288-446C-9AC6-D1E1BAB73CBE}" type="datetimeFigureOut">
              <a:rPr lang="en-US" smtClean="0"/>
              <a:t>6/28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8F95D3A-EE7E-4454-B315-5A26CF0F593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775299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 learning as resource repository,</a:t>
            </a:r>
            <a:r>
              <a:rPr lang="en-US" baseline="0" dirty="0"/>
              <a:t> practice question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78778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013991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01537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153834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915536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 learning as resource repository,</a:t>
            </a:r>
            <a:r>
              <a:rPr lang="en-US" baseline="0" dirty="0"/>
              <a:t> practice question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498279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608688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edoid clustering</a:t>
            </a:r>
          </a:p>
          <a:p>
            <a:r>
              <a:rPr lang="en-US" dirty="0"/>
              <a:t>Similarity</a:t>
            </a:r>
            <a:r>
              <a:rPr lang="en-US" baseline="0" dirty="0"/>
              <a:t> matrix define pairwise similarity between points</a:t>
            </a:r>
          </a:p>
          <a:p>
            <a:r>
              <a:rPr lang="en-US" baseline="0" dirty="0"/>
              <a:t>Tuning is handled by shared preference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2270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1139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476469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51421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 learning as resource repository,</a:t>
            </a:r>
            <a:r>
              <a:rPr lang="en-US" baseline="0" dirty="0"/>
              <a:t> practice question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290457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edoid clustering</a:t>
            </a:r>
          </a:p>
          <a:p>
            <a:r>
              <a:rPr lang="en-US" dirty="0"/>
              <a:t>Similarity</a:t>
            </a:r>
            <a:r>
              <a:rPr lang="en-US" baseline="0" dirty="0"/>
              <a:t> matrix define pairwise similarity between points</a:t>
            </a:r>
          </a:p>
          <a:p>
            <a:r>
              <a:rPr lang="en-US" baseline="0" dirty="0"/>
              <a:t>Tuning is handled by shared preference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117792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245376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85102609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9276060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23233</a:t>
            </a:r>
            <a:r>
              <a:rPr lang="en-US" baseline="0" dirty="0"/>
              <a:t> to 9918 actions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930295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27351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E learning as resource repository,</a:t>
            </a:r>
            <a:r>
              <a:rPr lang="en-US" baseline="0" dirty="0"/>
              <a:t> practice question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688234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12468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193032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54141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185559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sert gif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8F95D3A-EE7E-4454-B315-5A26CF0F5936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531120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44695F-E736-4411-BB7B-11C6F44C0628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65378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07C045-636F-43A9-91A1-515A1789434B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220931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3E926F-2447-46BA-B82B-54B6F3A6DB7E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9661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E6215D-0252-447A-BDD9-5644FAEA97AC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0780254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43FD5F7-490B-4628-9A2C-555252A66781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967828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3CEB351-6DB3-4244-9F92-E487E410D09A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647534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3A970E-D20E-437C-913C-6DB4DD47890A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484871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E7237C9-BF7C-4925-B8C1-ED76FBB2BC9A}" type="datetime1">
              <a:rPr lang="en-US" smtClean="0"/>
              <a:t>6/28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19188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CD0B2B-9C78-4CD4-86EA-6F3EEFB21122}" type="datetime1">
              <a:rPr lang="en-US" smtClean="0"/>
              <a:t>6/28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557499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1E910D-5542-4A7D-A741-7752A758D86F}" type="datetime1">
              <a:rPr lang="en-US" smtClean="0"/>
              <a:t>6/28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3224082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9A942F-36D5-4DED-9BE1-D6812BBF6105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455315"/>
      </p:ext>
    </p:extLst>
  </p:cSld>
  <p:clrMapOvr>
    <a:masterClrMapping/>
  </p:clrMapOvr>
  <p:extLst mod="1"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7C52E21-BD99-44D3-9020-DC6DAD7681C5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53727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SG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BA0D414-987C-486F-A0A2-F34CC58C8A64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957622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606FD5-4A72-43CB-9715-E364F192E138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996304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EF8E11-C8E8-4E7A-9CFB-E083100E9E15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52494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DDE870-AC4E-467A-8DBD-B760E2CA7BD7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840780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83ED7F-A74C-4BC4-9501-A0549F441F3D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451715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6A886A-51F6-4DBB-A2BF-1BD91D1E8EB6}" type="datetime1">
              <a:rPr lang="en-US" smtClean="0"/>
              <a:t>6/28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59662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ACD561-1085-412E-A595-8B4ED71D9A86}" type="datetime1">
              <a:rPr lang="en-US" smtClean="0"/>
              <a:t>6/28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7706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5727C6-4A7E-4B47-908E-1A171B613D86}" type="datetime1">
              <a:rPr lang="en-US" smtClean="0"/>
              <a:t>6/28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723655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7B2BC4-4B98-47E7-9981-D46E57A46CF1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21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0DFB43-15E1-41F2-805E-FDA3FF792B4E}" type="datetime1">
              <a:rPr lang="en-US" smtClean="0"/>
              <a:t>6/28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202629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2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DF4D98E-741B-44A0-BA18-FAE41EA2A88C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42567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2">
            <a:lumMod val="2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6D1377-3F95-478C-B9FA-A142BAA1E26A}" type="datetime1">
              <a:rPr lang="en-US" smtClean="0"/>
              <a:t>6/28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D9CCF67-7527-40EE-8643-010C93F27E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404478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5" r:id="rId1"/>
    <p:sldLayoutId id="2147483716" r:id="rId2"/>
    <p:sldLayoutId id="2147483717" r:id="rId3"/>
    <p:sldLayoutId id="2147483718" r:id="rId4"/>
    <p:sldLayoutId id="2147483719" r:id="rId5"/>
    <p:sldLayoutId id="2147483720" r:id="rId6"/>
    <p:sldLayoutId id="2147483721" r:id="rId7"/>
    <p:sldLayoutId id="2147483722" r:id="rId8"/>
    <p:sldLayoutId id="2147483723" r:id="rId9"/>
    <p:sldLayoutId id="2147483724" r:id="rId10"/>
    <p:sldLayoutId id="2147483725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slide" Target="slide7.xml"/><Relationship Id="rId3" Type="http://schemas.openxmlformats.org/officeDocument/2006/relationships/diagramData" Target="../diagrams/data4.xml"/><Relationship Id="rId7" Type="http://schemas.microsoft.com/office/2007/relationships/diagramDrawing" Target="../diagrams/drawing4.xm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4.xml"/><Relationship Id="rId5" Type="http://schemas.openxmlformats.org/officeDocument/2006/relationships/diagramQuickStyle" Target="../diagrams/quickStyle4.xml"/><Relationship Id="rId4" Type="http://schemas.openxmlformats.org/officeDocument/2006/relationships/diagramLayout" Target="../diagrams/layout4.xml"/><Relationship Id="rId9" Type="http://schemas.openxmlformats.org/officeDocument/2006/relationships/image" Target="../media/image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notesSlide" Target="../notesSlides/notesSlide1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3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0.png"/><Relationship Id="rId7" Type="http://schemas.openxmlformats.org/officeDocument/2006/relationships/image" Target="../media/image14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>
          <a:xfrm>
            <a:off x="0" y="931279"/>
            <a:ext cx="12192000" cy="2812818"/>
          </a:xfrm>
        </p:spPr>
        <p:txBody>
          <a:bodyPr lIns="1260000" rIns="1260000" anchor="b">
            <a:normAutofit/>
          </a:bodyPr>
          <a:lstStyle/>
          <a:p>
            <a:r>
              <a:rPr lang="en-US" sz="4800" dirty="0">
                <a:solidFill>
                  <a:schemeClr val="bg1">
                    <a:lumMod val="75000"/>
                  </a:schemeClr>
                </a:solidFill>
                <a:latin typeface="Gadugi" panose="020B0502040204020203" pitchFamily="34" charset="0"/>
              </a:rPr>
              <a:t>Diagnosis through </a:t>
            </a:r>
            <a:br>
              <a:rPr lang="en-US" sz="4800" dirty="0">
                <a:solidFill>
                  <a:schemeClr val="bg1">
                    <a:lumMod val="75000"/>
                  </a:schemeClr>
                </a:solidFill>
                <a:latin typeface="Gadugi" panose="020B0502040204020203" pitchFamily="34" charset="0"/>
              </a:rPr>
            </a:br>
            <a:r>
              <a:rPr lang="en-US" sz="4800" dirty="0">
                <a:solidFill>
                  <a:schemeClr val="bg1">
                    <a:lumMod val="75000"/>
                  </a:schemeClr>
                </a:solidFill>
                <a:latin typeface="Gadugi" panose="020B0502040204020203" pitchFamily="34" charset="0"/>
              </a:rPr>
              <a:t>problem solving approaches</a:t>
            </a:r>
            <a:endParaRPr lang="en-SG" sz="4800" dirty="0">
              <a:solidFill>
                <a:schemeClr val="bg1">
                  <a:lumMod val="75000"/>
                </a:schemeClr>
              </a:solidFill>
              <a:latin typeface="Gadugi" panose="020B0502040204020203" pitchFamily="34" charset="0"/>
            </a:endParaRP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1744393" y="4385606"/>
            <a:ext cx="9144000" cy="1037492"/>
          </a:xfrm>
        </p:spPr>
        <p:txBody>
          <a:bodyPr/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Kelvin H R Ng | Kevin Hartman | Kai Liu | Andy W H Khong</a:t>
            </a:r>
          </a:p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Nanyang Technological University, Singapore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>
          <a:xfrm>
            <a:off x="3080823" y="4220310"/>
            <a:ext cx="6471139" cy="0"/>
          </a:xfrm>
          <a:prstGeom prst="line">
            <a:avLst/>
          </a:prstGeom>
          <a:ln w="25400">
            <a:solidFill>
              <a:srgbClr val="66FF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061956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67631" t="22207" r="128" b="25841"/>
          <a:stretch/>
        </p:blipFill>
        <p:spPr>
          <a:xfrm>
            <a:off x="630195" y="1181819"/>
            <a:ext cx="10466430" cy="5174532"/>
          </a:xfrm>
          <a:prstGeom prst="rect">
            <a:avLst/>
          </a:prstGeom>
        </p:spPr>
      </p:pic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615740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67685" t="28070" r="207" b="20143"/>
          <a:stretch/>
        </p:blipFill>
        <p:spPr>
          <a:xfrm>
            <a:off x="630194" y="1181819"/>
            <a:ext cx="10456906" cy="5174532"/>
          </a:xfrm>
          <a:prstGeom prst="rect">
            <a:avLst/>
          </a:prstGeom>
        </p:spPr>
      </p:pic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752464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/>
          <a:srcRect l="67699" t="28005" r="-8" b="19933"/>
          <a:stretch/>
        </p:blipFill>
        <p:spPr>
          <a:xfrm>
            <a:off x="630195" y="1181819"/>
            <a:ext cx="10466430" cy="5174531"/>
          </a:xfrm>
          <a:prstGeom prst="rect">
            <a:avLst/>
          </a:prstGeom>
        </p:spPr>
      </p:pic>
      <p:sp>
        <p:nvSpPr>
          <p:cNvPr id="7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3564544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/>
          <a:srcRect l="67645" t="28203" r="42" b="19776"/>
          <a:stretch/>
        </p:blipFill>
        <p:spPr>
          <a:xfrm>
            <a:off x="630195" y="1181819"/>
            <a:ext cx="10475955" cy="5174531"/>
          </a:xfrm>
          <a:prstGeom prst="rect">
            <a:avLst/>
          </a:prstGeom>
        </p:spPr>
      </p:pic>
      <p:sp>
        <p:nvSpPr>
          <p:cNvPr id="10" name="Title 1"/>
          <p:cNvSpPr>
            <a:spLocks noGrp="1"/>
          </p:cNvSpPr>
          <p:nvPr>
            <p:ph type="title"/>
          </p:nvPr>
        </p:nvSpPr>
        <p:spPr>
          <a:xfrm>
            <a:off x="630195" y="499402"/>
            <a:ext cx="12128740" cy="682417"/>
          </a:xfrm>
        </p:spPr>
        <p:txBody>
          <a:bodyPr>
            <a:noAutofit/>
          </a:bodyPr>
          <a:lstStyle/>
          <a:p>
            <a:r>
              <a:rPr lang="en-US" sz="4000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925777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67725" t="28203" r="44" b="19718"/>
          <a:stretch/>
        </p:blipFill>
        <p:spPr>
          <a:xfrm>
            <a:off x="630194" y="1181819"/>
            <a:ext cx="10437856" cy="5174531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30195" y="499402"/>
            <a:ext cx="12128740" cy="682417"/>
          </a:xfrm>
        </p:spPr>
        <p:txBody>
          <a:bodyPr>
            <a:normAutofit/>
          </a:bodyPr>
          <a:lstStyle/>
          <a:p>
            <a:r>
              <a:rPr lang="en-US" sz="4000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687678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874358957"/>
              </p:ext>
            </p:extLst>
          </p:nvPr>
        </p:nvGraphicFramePr>
        <p:xfrm>
          <a:off x="278618" y="1181818"/>
          <a:ext cx="11690253" cy="496959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2" name="Rectangle 1">
            <a:hlinkClick r:id="rId8" action="ppaction://hlinksldjump"/>
          </p:cNvPr>
          <p:cNvSpPr/>
          <p:nvPr/>
        </p:nvSpPr>
        <p:spPr>
          <a:xfrm>
            <a:off x="7766269" y="4390817"/>
            <a:ext cx="804041" cy="52026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9"/>
          <a:srcRect l="68433" t="23174" r="558" b="24505"/>
          <a:stretch/>
        </p:blipFill>
        <p:spPr>
          <a:xfrm>
            <a:off x="2217342" y="1997075"/>
            <a:ext cx="6151472" cy="3184525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778781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Overview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509748522"/>
              </p:ext>
            </p:extLst>
          </p:nvPr>
        </p:nvGraphicFramePr>
        <p:xfrm>
          <a:off x="0" y="1724025"/>
          <a:ext cx="12192000" cy="36004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37888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Data Collec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E-learning arithmetic module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ddition, subtraction, multiplication, division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36 second-grade students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Non-compulsory holiday assignment</a:t>
            </a:r>
          </a:p>
        </p:txBody>
      </p:sp>
      <p:cxnSp>
        <p:nvCxnSpPr>
          <p:cNvPr id="4" name="OTLSHAPE_M_6a283b367375415b92b0e5fc4e16a0cc_Connector1"/>
          <p:cNvCxnSpPr>
            <a:endCxn id="40" idx="0"/>
          </p:cNvCxnSpPr>
          <p:nvPr>
            <p:custDataLst>
              <p:tags r:id="rId1"/>
            </p:custDataLst>
          </p:nvPr>
        </p:nvCxnSpPr>
        <p:spPr>
          <a:xfrm>
            <a:off x="6574958" y="4357255"/>
            <a:ext cx="42" cy="447056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ScaleContainer"/>
          <p:cNvSpPr/>
          <p:nvPr>
            <p:custDataLst>
              <p:tags r:id="rId2"/>
            </p:custDataLst>
          </p:nvPr>
        </p:nvSpPr>
        <p:spPr>
          <a:xfrm>
            <a:off x="4555261" y="3700489"/>
            <a:ext cx="6217767" cy="571724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/>
          </a:p>
        </p:txBody>
      </p:sp>
      <p:sp>
        <p:nvSpPr>
          <p:cNvPr id="11" name="OTLSHAPE_TB_00000000000000000000000000000000_TimescaleInterval1"/>
          <p:cNvSpPr txBox="1"/>
          <p:nvPr>
            <p:custDataLst>
              <p:tags r:id="rId3"/>
            </p:custDataLst>
          </p:nvPr>
        </p:nvSpPr>
        <p:spPr>
          <a:xfrm>
            <a:off x="4818993" y="3846756"/>
            <a:ext cx="309360" cy="2791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1</a:t>
            </a:r>
            <a:r>
              <a:rPr lang="en-US" sz="1200" spc="-18" baseline="30000" dirty="0">
                <a:solidFill>
                  <a:schemeClr val="lt2"/>
                </a:solidFill>
                <a:latin typeface="Calibri" panose="020F0502020204030204" pitchFamily="34" charset="0"/>
              </a:rPr>
              <a:t>st</a:t>
            </a:r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 Grade</a:t>
            </a:r>
          </a:p>
        </p:txBody>
      </p:sp>
      <p:cxnSp>
        <p:nvCxnSpPr>
          <p:cNvPr id="14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6575000" y="3795776"/>
            <a:ext cx="0" cy="3811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3"/>
          <p:cNvSpPr txBox="1"/>
          <p:nvPr>
            <p:custDataLst>
              <p:tags r:id="rId5"/>
            </p:custDataLst>
          </p:nvPr>
        </p:nvSpPr>
        <p:spPr>
          <a:xfrm>
            <a:off x="6648259" y="3846756"/>
            <a:ext cx="182495" cy="2791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2</a:t>
            </a:r>
            <a:r>
              <a:rPr lang="en-US" sz="1200" spc="-20" baseline="30000" dirty="0">
                <a:solidFill>
                  <a:schemeClr val="lt2"/>
                </a:solidFill>
                <a:latin typeface="Calibri" panose="020F0502020204030204" pitchFamily="34" charset="0"/>
              </a:rPr>
              <a:t>nd</a:t>
            </a:r>
            <a:r>
              <a:rPr lang="en-US" sz="1200" spc="-20" dirty="0">
                <a:solidFill>
                  <a:schemeClr val="lt2"/>
                </a:solidFill>
                <a:latin typeface="Calibri" panose="020F0502020204030204" pitchFamily="34" charset="0"/>
              </a:rPr>
              <a:t> Grade</a:t>
            </a:r>
          </a:p>
        </p:txBody>
      </p:sp>
      <p:cxnSp>
        <p:nvCxnSpPr>
          <p:cNvPr id="18" name="OTLSHAPE_TB_00000000000000000000000000000000_Separator4"/>
          <p:cNvCxnSpPr/>
          <p:nvPr>
            <p:custDataLst>
              <p:tags r:id="rId6"/>
            </p:custDataLst>
          </p:nvPr>
        </p:nvCxnSpPr>
        <p:spPr>
          <a:xfrm>
            <a:off x="8434255" y="3795776"/>
            <a:ext cx="0" cy="3811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5"/>
          <p:cNvSpPr txBox="1"/>
          <p:nvPr>
            <p:custDataLst>
              <p:tags r:id="rId7"/>
            </p:custDataLst>
          </p:nvPr>
        </p:nvSpPr>
        <p:spPr>
          <a:xfrm>
            <a:off x="8507514" y="3846756"/>
            <a:ext cx="263732" cy="2791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3</a:t>
            </a:r>
            <a:r>
              <a:rPr lang="en-US" sz="1200" spc="-18" baseline="30000" dirty="0">
                <a:solidFill>
                  <a:schemeClr val="lt2"/>
                </a:solidFill>
                <a:latin typeface="Calibri" panose="020F0502020204030204" pitchFamily="34" charset="0"/>
              </a:rPr>
              <a:t>rd</a:t>
            </a:r>
            <a:r>
              <a:rPr lang="en-US" sz="1200" spc="-18" dirty="0">
                <a:solidFill>
                  <a:schemeClr val="lt2"/>
                </a:solidFill>
                <a:latin typeface="Calibri" panose="020F0502020204030204" pitchFamily="34" charset="0"/>
              </a:rPr>
              <a:t> Grade</a:t>
            </a:r>
          </a:p>
        </p:txBody>
      </p:sp>
      <p:cxnSp>
        <p:nvCxnSpPr>
          <p:cNvPr id="22" name="OTLSHAPE_TB_00000000000000000000000000000000_Separator6"/>
          <p:cNvCxnSpPr/>
          <p:nvPr>
            <p:custDataLst>
              <p:tags r:id="rId8"/>
            </p:custDataLst>
          </p:nvPr>
        </p:nvCxnSpPr>
        <p:spPr>
          <a:xfrm>
            <a:off x="10263522" y="3795776"/>
            <a:ext cx="0" cy="3811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2" name="Group 61"/>
          <p:cNvGrpSpPr/>
          <p:nvPr/>
        </p:nvGrpSpPr>
        <p:grpSpPr>
          <a:xfrm>
            <a:off x="7367392" y="2792141"/>
            <a:ext cx="1066862" cy="908349"/>
            <a:chOff x="7645643" y="1428137"/>
            <a:chExt cx="924745" cy="605328"/>
          </a:xfrm>
        </p:grpSpPr>
        <p:cxnSp>
          <p:nvCxnSpPr>
            <p:cNvPr id="6" name="OTLSHAPE_M_52743de8bb6d4044896f473898fe9da7_Connector1"/>
            <p:cNvCxnSpPr/>
            <p:nvPr>
              <p:custDataLst>
                <p:tags r:id="rId15"/>
              </p:custDataLst>
            </p:nvPr>
          </p:nvCxnSpPr>
          <p:spPr>
            <a:xfrm>
              <a:off x="7645643" y="1428137"/>
              <a:ext cx="0" cy="605328"/>
            </a:xfrm>
            <a:prstGeom prst="line">
              <a:avLst/>
            </a:prstGeom>
            <a:ln w="9525" cap="flat" cmpd="sng" algn="ctr">
              <a:solidFill>
                <a:srgbClr val="087FC3"/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" name="OTLSHAPE_M_52743de8bb6d4044896f473898fe9da7_Title"/>
            <p:cNvSpPr txBox="1"/>
            <p:nvPr>
              <p:custDataLst>
                <p:tags r:id="rId16"/>
              </p:custDataLst>
            </p:nvPr>
          </p:nvSpPr>
          <p:spPr>
            <a:xfrm>
              <a:off x="7935388" y="1512789"/>
              <a:ext cx="635000" cy="2871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400" b="1" spc="-6" dirty="0">
                  <a:solidFill>
                    <a:srgbClr val="FF9900"/>
                  </a:solidFill>
                  <a:latin typeface="Calibri" panose="020F0502020204030204" pitchFamily="34" charset="0"/>
                </a:rPr>
                <a:t>Current Progress</a:t>
              </a:r>
            </a:p>
          </p:txBody>
        </p:sp>
        <p:sp>
          <p:nvSpPr>
            <p:cNvPr id="33" name="OTLSHAPE_M_52743de8bb6d4044896f473898fe9da7_Shape"/>
            <p:cNvSpPr/>
            <p:nvPr>
              <p:custDataLst>
                <p:tags r:id="rId17"/>
              </p:custDataLst>
            </p:nvPr>
          </p:nvSpPr>
          <p:spPr>
            <a:xfrm rot="16200000">
              <a:off x="7671043" y="1428137"/>
              <a:ext cx="165100" cy="165100"/>
            </a:xfrm>
            <a:prstGeom prst="flowChartMerge">
              <a:avLst/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 dirty="0"/>
            </a:p>
          </p:txBody>
        </p:sp>
      </p:grpSp>
      <p:sp>
        <p:nvSpPr>
          <p:cNvPr id="40" name="OTLSHAPE_M_6a283b367375415b92b0e5fc4e16a0cc_Title"/>
          <p:cNvSpPr txBox="1"/>
          <p:nvPr>
            <p:custDataLst>
              <p:tags r:id="rId9"/>
            </p:custDataLst>
          </p:nvPr>
        </p:nvSpPr>
        <p:spPr>
          <a:xfrm>
            <a:off x="5955307" y="4804311"/>
            <a:ext cx="1239386" cy="861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dirty="0">
                <a:solidFill>
                  <a:srgbClr val="FF9900"/>
                </a:solidFill>
                <a:latin typeface="Calibri" panose="020F0502020204030204" pitchFamily="34" charset="0"/>
              </a:rPr>
              <a:t>Model drawing for 1-step addition/</a:t>
            </a:r>
            <a:br>
              <a:rPr lang="en-US" sz="1400" b="1" spc="-6" dirty="0">
                <a:solidFill>
                  <a:srgbClr val="FF9900"/>
                </a:solidFill>
                <a:latin typeface="Calibri" panose="020F0502020204030204" pitchFamily="34" charset="0"/>
              </a:rPr>
            </a:br>
            <a:r>
              <a:rPr lang="en-US" sz="1400" b="1" spc="-6" dirty="0">
                <a:solidFill>
                  <a:srgbClr val="FF9900"/>
                </a:solidFill>
                <a:latin typeface="Calibri" panose="020F0502020204030204" pitchFamily="34" charset="0"/>
              </a:rPr>
              <a:t>subtraction</a:t>
            </a:r>
          </a:p>
        </p:txBody>
      </p:sp>
      <p:cxnSp>
        <p:nvCxnSpPr>
          <p:cNvPr id="76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5677719" y="3960841"/>
            <a:ext cx="0" cy="21608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7504920" y="3960841"/>
            <a:ext cx="0" cy="21608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1"/>
          <p:cNvCxnSpPr/>
          <p:nvPr>
            <p:custDataLst>
              <p:tags r:id="rId12"/>
            </p:custDataLst>
          </p:nvPr>
        </p:nvCxnSpPr>
        <p:spPr>
          <a:xfrm>
            <a:off x="9333895" y="3960841"/>
            <a:ext cx="0" cy="216085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OTLSHAPE_M_6a283b367375415b92b0e5fc4e16a0cc_Connector1"/>
          <p:cNvCxnSpPr>
            <a:endCxn id="94" idx="0"/>
          </p:cNvCxnSpPr>
          <p:nvPr>
            <p:custDataLst>
              <p:tags r:id="rId13"/>
            </p:custDataLst>
          </p:nvPr>
        </p:nvCxnSpPr>
        <p:spPr>
          <a:xfrm>
            <a:off x="8438646" y="4367500"/>
            <a:ext cx="3557" cy="435795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6a283b367375415b92b0e5fc4e16a0cc_Title"/>
          <p:cNvSpPr txBox="1"/>
          <p:nvPr>
            <p:custDataLst>
              <p:tags r:id="rId14"/>
            </p:custDataLst>
          </p:nvPr>
        </p:nvSpPr>
        <p:spPr>
          <a:xfrm>
            <a:off x="7880769" y="4803295"/>
            <a:ext cx="1122868" cy="86177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spc="-6" dirty="0">
                <a:solidFill>
                  <a:srgbClr val="FF9900"/>
                </a:solidFill>
                <a:latin typeface="Calibri" panose="020F0502020204030204" pitchFamily="34" charset="0"/>
              </a:rPr>
              <a:t>Model drawing for 1-step multiplication/divis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0175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Data Preprocess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Non-first MCQ choices → alter choice</a:t>
            </a:r>
          </a:p>
          <a:p>
            <a:pPr>
              <a:buClr>
                <a:srgbClr val="FF0000"/>
              </a:buClr>
              <a:buFont typeface="Calibri" panose="020F0502020204030204" pitchFamily="34" charset="0"/>
              <a:buChar char="‒"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ndicators for highlighting and undo events</a:t>
            </a:r>
          </a:p>
          <a:p>
            <a:pPr>
              <a:buClr>
                <a:srgbClr val="FF0000"/>
              </a:buClr>
              <a:buFont typeface="Calibri" panose="020F0502020204030204" pitchFamily="34" charset="0"/>
              <a:buChar char="‒"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Model template selection activity</a:t>
            </a:r>
          </a:p>
          <a:p>
            <a:pPr>
              <a:buClr>
                <a:srgbClr val="FF0000"/>
              </a:buClr>
              <a:buFont typeface="Calibri" panose="020F0502020204030204" pitchFamily="34" charset="0"/>
              <a:buChar char="‒"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Remove correctness from true/false action</a:t>
            </a:r>
          </a:p>
          <a:p>
            <a:pPr>
              <a:buClr>
                <a:srgbClr val="FF0000"/>
              </a:buClr>
              <a:buFont typeface="Calibri" panose="020F0502020204030204" pitchFamily="34" charset="0"/>
              <a:buChar char="‒"/>
            </a:pPr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>
              <a:buClr>
                <a:srgbClr val="FF0000"/>
              </a:buClr>
              <a:buFont typeface="Calibri" panose="020F0502020204030204" pitchFamily="34" charset="0"/>
              <a:buChar char="‒"/>
            </a:pPr>
            <a:endParaRPr lang="en-US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717589" y="3756903"/>
            <a:ext cx="8501449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i="1" dirty="0">
                <a:solidFill>
                  <a:schemeClr val="bg1">
                    <a:lumMod val="75000"/>
                  </a:schemeClr>
                </a:solidFill>
              </a:rPr>
              <a:t>Each action sequence starts from</a:t>
            </a:r>
            <a:br>
              <a:rPr lang="en-US" sz="2400" i="1" dirty="0">
                <a:solidFill>
                  <a:schemeClr val="bg1">
                    <a:lumMod val="75000"/>
                  </a:schemeClr>
                </a:solidFill>
              </a:rPr>
            </a:br>
            <a:r>
              <a:rPr lang="en-US" sz="2400" b="1" i="1" dirty="0">
                <a:solidFill>
                  <a:schemeClr val="bg1">
                    <a:lumMod val="95000"/>
                  </a:schemeClr>
                </a:solidFill>
              </a:rPr>
              <a:t>Initiating a problem</a:t>
            </a:r>
            <a:br>
              <a:rPr lang="en-US" sz="2400" i="1" dirty="0">
                <a:solidFill>
                  <a:schemeClr val="bg1">
                    <a:lumMod val="75000"/>
                  </a:schemeClr>
                </a:solidFill>
              </a:rPr>
            </a:br>
            <a:r>
              <a:rPr lang="en-US" sz="2400" i="1" dirty="0">
                <a:solidFill>
                  <a:schemeClr val="bg1">
                    <a:lumMod val="75000"/>
                  </a:schemeClr>
                </a:solidFill>
              </a:rPr>
              <a:t>to</a:t>
            </a:r>
            <a:br>
              <a:rPr lang="en-US" sz="2400" i="1" dirty="0">
                <a:solidFill>
                  <a:schemeClr val="bg1">
                    <a:lumMod val="75000"/>
                  </a:schemeClr>
                </a:solidFill>
              </a:rPr>
            </a:br>
            <a:r>
              <a:rPr lang="en-US" sz="2400" b="1" i="1" dirty="0">
                <a:solidFill>
                  <a:schemeClr val="bg1">
                    <a:lumMod val="95000"/>
                  </a:schemeClr>
                </a:solidFill>
              </a:rPr>
              <a:t>Moving onto another problem/activity</a:t>
            </a:r>
            <a:endParaRPr lang="en-SG" sz="2400" b="1" i="1" dirty="0">
              <a:solidFill>
                <a:schemeClr val="bg1">
                  <a:lumMod val="95000"/>
                </a:scheme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280661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lust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ffinity propagation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airwise similarity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equence length difference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Jaccard distance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ommon word order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nverse document frequenc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50896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Overview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377509031"/>
              </p:ext>
            </p:extLst>
          </p:nvPr>
        </p:nvGraphicFramePr>
        <p:xfrm>
          <a:off x="0" y="1724025"/>
          <a:ext cx="12192000" cy="36004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887178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ommon word order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674663" y="1428136"/>
            <a:ext cx="11669737" cy="54298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apturing the order of common atomic units between two sequence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1" name="Rectangle 10"/>
              <p:cNvSpPr/>
              <p:nvPr/>
            </p:nvSpPr>
            <p:spPr>
              <a:xfrm>
                <a:off x="2310714" y="1981488"/>
                <a:ext cx="7302843" cy="1635832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n-SG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C</m:t>
                      </m:r>
                      <m:r>
                        <m:rPr>
                          <m:sty m:val="p"/>
                        </m:rPr>
                        <a:rPr lang="en-SG" i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WO</m:t>
                      </m:r>
                      <m:d>
                        <m:d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sty m:val="p"/>
                                </m:rP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S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sty m:val="p"/>
                                </m:rP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S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  <m:r>
                        <a:rPr lang="en-SG" i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d>
                        <m:dPr>
                          <m:begChr m:val="{"/>
                          <m:endChr m:val=""/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eqArr>
                            <m:eqArr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eqArrPr>
                            <m:e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f>
                                <m:f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d>
                                    <m:dPr>
                                      <m:ctrlP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  <m:nary>
                                        <m:naryPr>
                                          <m:chr m:val="∑"/>
                                          <m:limLoc m:val="subSup"/>
                                          <m:ctrlP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naryPr>
                                        <m:sub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  <m:r>
                                            <a:rPr lang="en-SG" i="0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=1</m:t>
                                          </m:r>
                                        </m:sub>
                                        <m:sup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𝑙</m:t>
                                          </m:r>
                                        </m:sup>
                                        <m:e>
                                          <m:d>
                                            <m:dPr>
                                              <m:begChr m:val="|"/>
                                              <m:endChr m:val="|"/>
                                              <m:ctrlPr>
                                                <a:rPr lang="en-SG" i="1">
                                                  <a:solidFill>
                                                    <a:schemeClr val="bg1">
                                                      <a:lumMod val="75000"/>
                                                    </a:schemeClr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dPr>
                                            <m:e>
                                              <m:sSub>
                                                <m:sSubPr>
                                                  <m:ctrlP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</m:ctrlPr>
                                                </m:sSubPr>
                                                <m:e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𝑥</m:t>
                                                  </m:r>
                                                </m:e>
                                                <m:sub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𝑖</m:t>
                                                  </m:r>
                                                </m:sub>
                                              </m:sSub>
                                              <m:r>
                                                <a:rPr lang="en-SG" i="0">
                                                  <a:solidFill>
                                                    <a:schemeClr val="bg1">
                                                      <a:lumMod val="75000"/>
                                                    </a:schemeClr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  <m:t>−</m:t>
                                              </m:r>
                                              <m:sSub>
                                                <m:sSubPr>
                                                  <m:ctrlP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</m:ctrlPr>
                                                </m:sSubPr>
                                                <m:e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𝑦</m:t>
                                                  </m:r>
                                                </m:e>
                                                <m:sub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𝑢</m:t>
                                                  </m:r>
                                                </m:sub>
                                              </m:sSub>
                                            </m:e>
                                          </m:d>
                                        </m:e>
                                      </m:nary>
                                    </m:e>
                                  </m:d>
                                </m:num>
                                <m:den>
                                  <m:sSup>
                                    <m:sSupPr>
                                      <m:ctrlP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pPr>
                                    <m:e>
                                      <m: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𝑙</m:t>
                                      </m:r>
                                    </m:e>
                                    <m:sup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p>
                                  </m:sSup>
                                </m:den>
                              </m:f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,  &amp;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𝑓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𝑙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𝑠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𝑒𝑣𝑒𝑛</m:t>
                              </m:r>
                            </m:e>
                            <m:e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−</m:t>
                              </m:r>
                              <m:f>
                                <m:f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fPr>
                                <m:num>
                                  <m:d>
                                    <m:dPr>
                                      <m:ctrlP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  <m:nary>
                                        <m:naryPr>
                                          <m:chr m:val="∑"/>
                                          <m:limLoc m:val="subSup"/>
                                          <m:ctrlP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naryPr>
                                        <m:sub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  <m:r>
                                            <a:rPr lang="en-SG" i="0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=1</m:t>
                                          </m:r>
                                        </m:sub>
                                        <m:sup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𝑙</m:t>
                                          </m:r>
                                        </m:sup>
                                        <m:e>
                                          <m:d>
                                            <m:dPr>
                                              <m:begChr m:val="|"/>
                                              <m:endChr m:val="|"/>
                                              <m:ctrlPr>
                                                <a:rPr lang="en-SG" i="1">
                                                  <a:solidFill>
                                                    <a:schemeClr val="bg1">
                                                      <a:lumMod val="75000"/>
                                                    </a:schemeClr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</m:ctrlPr>
                                            </m:dPr>
                                            <m:e>
                                              <m:sSub>
                                                <m:sSubPr>
                                                  <m:ctrlP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</m:ctrlPr>
                                                </m:sSubPr>
                                                <m:e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𝑥</m:t>
                                                  </m:r>
                                                </m:e>
                                                <m:sub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𝑖</m:t>
                                                  </m:r>
                                                </m:sub>
                                              </m:sSub>
                                              <m:r>
                                                <a:rPr lang="en-SG" i="0">
                                                  <a:solidFill>
                                                    <a:schemeClr val="bg1">
                                                      <a:lumMod val="75000"/>
                                                    </a:schemeClr>
                                                  </a:solidFill>
                                                  <a:latin typeface="Cambria Math" panose="02040503050406030204" pitchFamily="18" charset="0"/>
                                                </a:rPr>
                                                <m:t>−</m:t>
                                              </m:r>
                                              <m:sSub>
                                                <m:sSubPr>
                                                  <m:ctrlP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</m:ctrlPr>
                                                </m:sSubPr>
                                                <m:e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𝑦</m:t>
                                                  </m:r>
                                                </m:e>
                                                <m:sub>
                                                  <m:r>
                                                    <a:rPr lang="en-SG" i="1">
                                                      <a:solidFill>
                                                        <a:schemeClr val="bg1">
                                                          <a:lumMod val="75000"/>
                                                        </a:schemeClr>
                                                      </a:solidFill>
                                                      <a:latin typeface="Cambria Math" panose="02040503050406030204" pitchFamily="18" charset="0"/>
                                                    </a:rPr>
                                                    <m:t>𝑢</m:t>
                                                  </m:r>
                                                </m:sub>
                                              </m:sSub>
                                            </m:e>
                                          </m:d>
                                        </m:e>
                                      </m:nary>
                                    </m:e>
                                  </m:d>
                                </m:num>
                                <m:den>
                                  <m:sSup>
                                    <m:sSupPr>
                                      <m:ctrlP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pPr>
                                    <m:e>
                                      <m: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𝑙</m:t>
                                      </m:r>
                                    </m:e>
                                    <m:sup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p>
                                  </m:sSup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−1</m:t>
                                  </m:r>
                                </m:den>
                              </m:f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,  &amp;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𝑓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𝑙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𝑠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𝑜𝑑𝑑</m:t>
                              </m:r>
                            </m:e>
                            <m:e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,  &amp;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𝑓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𝑙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𝑠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𝑜𝑑𝑑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𝑎𝑛𝑑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 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𝑙</m:t>
                              </m:r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=1</m:t>
                              </m:r>
                            </m:e>
                          </m:eqArr>
                        </m:e>
                      </m:d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11" name="Rectangle 10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10714" y="1981488"/>
                <a:ext cx="7302843" cy="1635832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TextBox 11"/>
          <p:cNvSpPr txBox="1"/>
          <p:nvPr/>
        </p:nvSpPr>
        <p:spPr>
          <a:xfrm>
            <a:off x="1053607" y="4168249"/>
            <a:ext cx="492294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A brown dog is eating near the wall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6357132" y="4168249"/>
            <a:ext cx="583238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A cat is eating beside the brown wall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053607" y="4161729"/>
            <a:ext cx="492294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A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brown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dog </a:t>
            </a:r>
            <a:r>
              <a:rPr lang="en-US" sz="2400" dirty="0">
                <a:solidFill>
                  <a:srgbClr val="FF0000"/>
                </a:solidFill>
              </a:rPr>
              <a:t>is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eating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near </a:t>
            </a:r>
            <a:r>
              <a:rPr lang="en-US" sz="2400" dirty="0">
                <a:solidFill>
                  <a:srgbClr val="FF0000"/>
                </a:solidFill>
              </a:rPr>
              <a:t>the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wall</a:t>
            </a:r>
            <a:endParaRPr lang="en-SG" sz="2400" dirty="0">
              <a:solidFill>
                <a:srgbClr val="FF0000"/>
              </a:solidFill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355499" y="4159556"/>
            <a:ext cx="484953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A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cat </a:t>
            </a:r>
            <a:r>
              <a:rPr lang="en-US" sz="2400" dirty="0">
                <a:solidFill>
                  <a:srgbClr val="FF0000"/>
                </a:solidFill>
              </a:rPr>
              <a:t>is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eating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beside </a:t>
            </a:r>
            <a:r>
              <a:rPr lang="en-US" sz="2400" dirty="0">
                <a:solidFill>
                  <a:srgbClr val="FF0000"/>
                </a:solidFill>
              </a:rPr>
              <a:t>the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brown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US" sz="2400" dirty="0">
                <a:solidFill>
                  <a:srgbClr val="FF0000"/>
                </a:solidFill>
              </a:rPr>
              <a:t>wall</a:t>
            </a:r>
            <a:endParaRPr lang="en-SG" sz="2400" dirty="0">
              <a:solidFill>
                <a:srgbClr val="FF0000"/>
              </a:solidFill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1032038" y="4594547"/>
            <a:ext cx="492294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2400" strike="sngStrike" dirty="0">
                <a:solidFill>
                  <a:schemeClr val="bg2">
                    <a:lumMod val="25000"/>
                  </a:schemeClr>
                </a:solidFill>
              </a:rPr>
              <a:t>A brown </a:t>
            </a:r>
            <a:r>
              <a:rPr lang="en-SG" sz="2400" strike="sngStrike" dirty="0">
                <a:solidFill>
                  <a:schemeClr val="bg1">
                    <a:lumMod val="75000"/>
                  </a:schemeClr>
                </a:solidFill>
              </a:rPr>
              <a:t>dog</a:t>
            </a:r>
            <a:r>
              <a:rPr lang="en-SG" sz="2400" strike="sngStrike" dirty="0">
                <a:solidFill>
                  <a:schemeClr val="bg2">
                    <a:lumMod val="25000"/>
                  </a:schemeClr>
                </a:solidFill>
              </a:rPr>
              <a:t> is eating </a:t>
            </a:r>
            <a:r>
              <a:rPr lang="en-SG" sz="2400" strike="sngStrike" dirty="0">
                <a:solidFill>
                  <a:schemeClr val="bg1">
                    <a:lumMod val="75000"/>
                  </a:schemeClr>
                </a:solidFill>
              </a:rPr>
              <a:t>near</a:t>
            </a:r>
            <a:r>
              <a:rPr lang="en-SG" sz="2400" strike="sngStrike" dirty="0">
                <a:solidFill>
                  <a:schemeClr val="bg2">
                    <a:lumMod val="25000"/>
                  </a:schemeClr>
                </a:solidFill>
              </a:rPr>
              <a:t> the wall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6357133" y="4595149"/>
            <a:ext cx="484789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strike="sngStrike" dirty="0">
                <a:solidFill>
                  <a:schemeClr val="bg2">
                    <a:lumMod val="25000"/>
                  </a:schemeClr>
                </a:solidFill>
              </a:rPr>
              <a:t>A </a:t>
            </a:r>
            <a:r>
              <a:rPr lang="en-US" sz="2400" strike="sngStrike" dirty="0">
                <a:solidFill>
                  <a:schemeClr val="bg1">
                    <a:lumMod val="75000"/>
                  </a:schemeClr>
                </a:solidFill>
              </a:rPr>
              <a:t>cat</a:t>
            </a:r>
            <a:r>
              <a:rPr lang="en-US" sz="2400" strike="sngStrike" dirty="0">
                <a:solidFill>
                  <a:schemeClr val="bg2">
                    <a:lumMod val="25000"/>
                  </a:schemeClr>
                </a:solidFill>
              </a:rPr>
              <a:t> is eating </a:t>
            </a:r>
            <a:r>
              <a:rPr lang="en-US" sz="2400" strike="sngStrike" dirty="0">
                <a:solidFill>
                  <a:schemeClr val="bg1">
                    <a:lumMod val="75000"/>
                  </a:schemeClr>
                </a:solidFill>
              </a:rPr>
              <a:t>beside</a:t>
            </a:r>
            <a:r>
              <a:rPr lang="en-US" sz="2400" strike="sngStrike" dirty="0">
                <a:solidFill>
                  <a:schemeClr val="bg2">
                    <a:lumMod val="25000"/>
                  </a:schemeClr>
                </a:solidFill>
              </a:rPr>
              <a:t> the brown wall</a:t>
            </a:r>
            <a:endParaRPr lang="en-SG" sz="2400" strike="sngStrike" dirty="0">
              <a:solidFill>
                <a:schemeClr val="bg2">
                  <a:lumMod val="25000"/>
                </a:schemeClr>
              </a:soli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1058565" y="4659909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1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6370213" y="4657211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1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1564391" y="4659909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2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9836820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2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7080787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3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2733307" y="4658789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3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7" name="TextBox 26"/>
          <p:cNvSpPr txBox="1"/>
          <p:nvPr/>
        </p:nvSpPr>
        <p:spPr>
          <a:xfrm>
            <a:off x="3140086" y="4658789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4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7527307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4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10520924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6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5088280" y="4658789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6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531177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5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9137267" y="4654752"/>
            <a:ext cx="3534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5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3829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7" fill="hold">
                      <p:stCondLst>
                        <p:cond delay="indefinite"/>
                      </p:stCondLst>
                      <p:childTnLst>
                        <p:par>
                          <p:cTn id="58" fill="hold">
                            <p:stCondLst>
                              <p:cond delay="0"/>
                            </p:stCondLst>
                            <p:childTnLst>
                              <p:par>
                                <p:cTn id="5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42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08333E-6 0 L 0.0724 0.1213 " pathEditMode="relative" rAng="0" ptsTypes="AA">
                                      <p:cBhvr>
                                        <p:cTn id="66" dur="2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620" y="6065"/>
                                    </p:animMotion>
                                  </p:childTnLst>
                                </p:cTn>
                              </p:par>
                              <p:par>
                                <p:cTn id="67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1.66667E-6 0 L 0.06471 0.1213 " pathEditMode="relative" rAng="0" ptsTypes="AA">
                                      <p:cBhvr>
                                        <p:cTn id="68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3229" y="6065"/>
                                    </p:animMotion>
                                  </p:childTnLst>
                                </p:cTn>
                              </p:par>
                              <p:par>
                                <p:cTn id="69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875E-6 0 L 0.00222 0.1213 " pathEditMode="relative" rAng="0" ptsTypes="AA">
                                      <p:cBhvr>
                                        <p:cTn id="70" dur="2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04" y="6065"/>
                                    </p:animMotion>
                                  </p:childTnLst>
                                </p:cTn>
                              </p:par>
                              <p:par>
                                <p:cTn id="71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4.79167E-6 0 L 0.00377 0.1213 " pathEditMode="relative" rAng="0" ptsTypes="AA">
                                      <p:cBhvr>
                                        <p:cTn id="72" dur="2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82" y="6065"/>
                                    </p:animMotion>
                                  </p:childTnLst>
                                </p:cTn>
                              </p:par>
                              <p:par>
                                <p:cTn id="73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8.33333E-7 0 L -0.08594 0.1213 " pathEditMode="relative" rAng="0" ptsTypes="AA">
                                      <p:cBhvr>
                                        <p:cTn id="74" dur="2000" fill="hold"/>
                                        <p:tgtEl>
                                          <p:spTgt spid="3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4297" y="6065"/>
                                    </p:animMotion>
                                  </p:childTnLst>
                                </p:cTn>
                              </p:par>
                              <p:par>
                                <p:cTn id="75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8.33333E-7 1.48148E-6 L 0.05208 0.12361 " pathEditMode="relative" rAng="0" ptsTypes="AA">
                                      <p:cBhvr>
                                        <p:cTn id="76" dur="2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2604" y="6181"/>
                                    </p:animMotion>
                                  </p:childTnLst>
                                </p:cTn>
                              </p:par>
                              <p:par>
                                <p:cTn id="77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95833E-6 4.44444E-6 L -0.10195 0.12407 " pathEditMode="relative" rAng="0" ptsTypes="AA">
                                      <p:cBhvr>
                                        <p:cTn id="78" dur="2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5104" y="6204"/>
                                    </p:animMotion>
                                  </p:childTnLst>
                                </p:cTn>
                              </p:par>
                              <p:par>
                                <p:cTn id="79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4.44444E-6 L 0.02709 0.12407 " pathEditMode="relative" rAng="0" ptsTypes="AA">
                                      <p:cBhvr>
                                        <p:cTn id="80" dur="2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54" y="6204"/>
                                    </p:animMotion>
                                  </p:childTnLst>
                                </p:cTn>
                              </p:par>
                              <p:par>
                                <p:cTn id="81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04167E-6 4.44444E-6 L 0.02695 0.12407 " pathEditMode="relative" rAng="0" ptsTypes="AA">
                                      <p:cBhvr>
                                        <p:cTn id="82" dur="2000" fill="hold"/>
                                        <p:tgtEl>
                                          <p:spTgt spid="29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1341" y="6204"/>
                                    </p:animMotion>
                                  </p:childTnLst>
                                </p:cTn>
                              </p:par>
                              <p:par>
                                <p:cTn id="83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75E-6 4.44444E-6 L -0.12474 0.12407 " pathEditMode="relative" rAng="0" ptsTypes="AA">
                                      <p:cBhvr>
                                        <p:cTn id="84" dur="2000" fill="hold"/>
                                        <p:tgtEl>
                                          <p:spTgt spid="30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6237" y="6204"/>
                                    </p:animMotion>
                                  </p:childTnLst>
                                </p:cTn>
                              </p:par>
                              <p:par>
                                <p:cTn id="85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2.29167E-6 4.44444E-6 L -0.07357 0.12199 " pathEditMode="relative" rAng="0" ptsTypes="AA">
                                      <p:cBhvr>
                                        <p:cTn id="86" dur="2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3685" y="6088"/>
                                    </p:animMotion>
                                  </p:childTnLst>
                                </p:cTn>
                              </p:par>
                              <p:par>
                                <p:cTn id="87" presetID="42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2.29167E-6 4.44444E-6 L -0.0763 0.12407 " pathEditMode="relative" rAng="0" ptsTypes="AA">
                                      <p:cBhvr>
                                        <p:cTn id="88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3815" y="6204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2" grpId="1"/>
      <p:bldP spid="13" grpId="0"/>
      <p:bldP spid="13" grpId="1"/>
      <p:bldP spid="14" grpId="0"/>
      <p:bldP spid="15" grpId="0"/>
      <p:bldP spid="18" grpId="0"/>
      <p:bldP spid="19" grpId="0"/>
      <p:bldP spid="20" grpId="0"/>
      <p:bldP spid="20" grpId="1"/>
      <p:bldP spid="21" grpId="0"/>
      <p:bldP spid="21" grpId="1"/>
      <p:bldP spid="22" grpId="0"/>
      <p:bldP spid="22" grpId="1"/>
      <p:bldP spid="23" grpId="0"/>
      <p:bldP spid="23" grpId="1"/>
      <p:bldP spid="24" grpId="0"/>
      <p:bldP spid="24" grpId="1"/>
      <p:bldP spid="26" grpId="0"/>
      <p:bldP spid="26" grpId="1"/>
      <p:bldP spid="27" grpId="0"/>
      <p:bldP spid="27" grpId="1"/>
      <p:bldP spid="29" grpId="0"/>
      <p:bldP spid="29" grpId="1"/>
      <p:bldP spid="30" grpId="0"/>
      <p:bldP spid="30" grpId="1"/>
      <p:bldP spid="31" grpId="0"/>
      <p:bldP spid="31" grpId="1"/>
      <p:bldP spid="25" grpId="0"/>
      <p:bldP spid="25" grpId="1"/>
      <p:bldP spid="28" grpId="0"/>
      <p:bldP spid="28" grpId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ommon word order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674663" y="1428136"/>
            <a:ext cx="11669737" cy="54298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Originally designed for text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parse bag-of-words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967110" y="2697795"/>
            <a:ext cx="492294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SL-AT-AT-SM-HL-AT-SM </a:t>
            </a:r>
          </a:p>
        </p:txBody>
      </p:sp>
      <p:sp>
        <p:nvSpPr>
          <p:cNvPr id="13" name="TextBox 12"/>
          <p:cNvSpPr txBox="1"/>
          <p:nvPr/>
        </p:nvSpPr>
        <p:spPr>
          <a:xfrm>
            <a:off x="6269678" y="2689495"/>
            <a:ext cx="425827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SL-AT-</a:t>
            </a:r>
            <a:r>
              <a:rPr lang="en-US" sz="2400" dirty="0">
                <a:solidFill>
                  <a:schemeClr val="bg1">
                    <a:lumMod val="75000"/>
                    <a:alpha val="47000"/>
                  </a:schemeClr>
                </a:solidFill>
              </a:rPr>
              <a:t>AT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-SM-</a:t>
            </a:r>
            <a:r>
              <a:rPr lang="en-US" sz="2400" dirty="0">
                <a:solidFill>
                  <a:schemeClr val="bg1">
                    <a:lumMod val="75000"/>
                    <a:alpha val="34000"/>
                  </a:schemeClr>
                </a:solidFill>
              </a:rPr>
              <a:t>HL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-</a:t>
            </a:r>
            <a:r>
              <a:rPr lang="en-US" sz="2400" dirty="0">
                <a:solidFill>
                  <a:srgbClr val="66FF33"/>
                </a:solidFill>
              </a:rPr>
              <a:t>AT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-AT-</a:t>
            </a:r>
            <a:r>
              <a:rPr lang="en-US" sz="2400" dirty="0">
                <a:solidFill>
                  <a:srgbClr val="66FF33"/>
                </a:solidFill>
              </a:rPr>
              <a:t>HL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-SM 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740412" y="5611504"/>
            <a:ext cx="1029929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SL – select MCQ choice	 SM – submit answer</a:t>
            </a:r>
          </a:p>
          <a:p>
            <a:pPr algn="ctr"/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HL – highlight keyword	AT – alter MCQ choice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967109" y="2700508"/>
            <a:ext cx="33536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SL-AT-AT–SM–HL–AT-SM </a:t>
            </a:r>
            <a:endParaRPr lang="en-SG" sz="2400" dirty="0">
              <a:solidFill>
                <a:srgbClr val="FF0000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6269677" y="2681559"/>
            <a:ext cx="356630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rgbClr val="FF0000"/>
                </a:solidFill>
              </a:rPr>
              <a:t>SL-AT-SM–AT–AT–HL-SM </a:t>
            </a:r>
            <a:endParaRPr lang="en-SG" sz="2400" dirty="0">
              <a:solidFill>
                <a:srgbClr val="FF0000"/>
              </a:solidFill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967109" y="3119468"/>
            <a:ext cx="32012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AT–SM–HL–AT– 1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8" name="TextBox 37"/>
          <p:cNvSpPr txBox="1"/>
          <p:nvPr/>
        </p:nvSpPr>
        <p:spPr>
          <a:xfrm>
            <a:off x="6269677" y="3116905"/>
            <a:ext cx="3421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SM–AT–AT–HL– 1  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9" name="TextBox 38"/>
          <p:cNvSpPr txBox="1"/>
          <p:nvPr/>
        </p:nvSpPr>
        <p:spPr>
          <a:xfrm>
            <a:off x="967109" y="3630740"/>
            <a:ext cx="32012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 2 –     –     –     – 1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6269675" y="3634257"/>
            <a:ext cx="3421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      –    –    –     – 1  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7" name="Right Bracket 6"/>
          <p:cNvSpPr/>
          <p:nvPr/>
        </p:nvSpPr>
        <p:spPr>
          <a:xfrm rot="16200000">
            <a:off x="7808611" y="1971760"/>
            <a:ext cx="180893" cy="1303642"/>
          </a:xfrm>
          <a:prstGeom prst="rightBracket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19" name="Right Bracket 18"/>
          <p:cNvSpPr/>
          <p:nvPr/>
        </p:nvSpPr>
        <p:spPr>
          <a:xfrm rot="5400000">
            <a:off x="8643849" y="2535493"/>
            <a:ext cx="199173" cy="1303642"/>
          </a:xfrm>
          <a:prstGeom prst="rightBracket">
            <a:avLst/>
          </a:prstGeom>
          <a:ln>
            <a:headEnd type="triangl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0" name="TextBox 19"/>
          <p:cNvSpPr txBox="1"/>
          <p:nvPr/>
        </p:nvSpPr>
        <p:spPr>
          <a:xfrm>
            <a:off x="967109" y="3111836"/>
            <a:ext cx="32012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</a:t>
            </a:r>
            <a:r>
              <a:rPr lang="en-US" sz="2400" dirty="0">
                <a:solidFill>
                  <a:srgbClr val="66FF33"/>
                </a:solidFill>
              </a:rPr>
              <a:t>AT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–SM–HL–AT– 1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6269677" y="3121631"/>
            <a:ext cx="3421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SM–</a:t>
            </a:r>
            <a:r>
              <a:rPr lang="en-US" sz="2400" dirty="0">
                <a:solidFill>
                  <a:srgbClr val="66FF33"/>
                </a:solidFill>
              </a:rPr>
              <a:t>AT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–</a:t>
            </a:r>
            <a:r>
              <a:rPr lang="en-US" sz="2400" dirty="0">
                <a:solidFill>
                  <a:srgbClr val="66FF33"/>
                </a:solidFill>
              </a:rPr>
              <a:t>AT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–HL– 1  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967109" y="3633927"/>
            <a:ext cx="320123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 2 –  3  – 4 – 5 – 1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6269673" y="3630739"/>
            <a:ext cx="3421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  3  – 2 –  5– 4 – 1  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6269674" y="3630739"/>
            <a:ext cx="342174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1– 1–      – 2 –    –     – 1  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420261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3" grpId="1"/>
      <p:bldP spid="32" grpId="0"/>
      <p:bldP spid="33" grpId="0"/>
      <p:bldP spid="37" grpId="0"/>
      <p:bldP spid="37" grpId="1"/>
      <p:bldP spid="37" grpId="2"/>
      <p:bldP spid="38" grpId="0"/>
      <p:bldP spid="38" grpId="1"/>
      <p:bldP spid="38" grpId="2"/>
      <p:bldP spid="39" grpId="0"/>
      <p:bldP spid="39" grpId="1"/>
      <p:bldP spid="40" grpId="0"/>
      <p:bldP spid="40" grpId="1"/>
      <p:bldP spid="7" grpId="0" animBg="1"/>
      <p:bldP spid="19" grpId="0" animBg="1"/>
      <p:bldP spid="20" grpId="0"/>
      <p:bldP spid="20" grpId="1"/>
      <p:bldP spid="21" grpId="0"/>
      <p:bldP spid="21" grpId="1"/>
      <p:bldP spid="22" grpId="0"/>
      <p:bldP spid="23" grpId="0"/>
      <p:bldP spid="24" grpId="0"/>
      <p:bldP spid="24" grpId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266499"/>
            <a:ext cx="11163300" cy="927099"/>
          </a:xfrm>
        </p:spPr>
        <p:txBody>
          <a:bodyPr/>
          <a:lstStyle/>
          <a:p>
            <a:pPr algn="ctr"/>
            <a:r>
              <a:rPr lang="en-US" sz="3600" dirty="0">
                <a:solidFill>
                  <a:schemeClr val="bg1">
                    <a:lumMod val="75000"/>
                  </a:schemeClr>
                </a:solidFill>
              </a:rPr>
              <a:t>Jaccard Distanc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3139109"/>
            <a:ext cx="11669737" cy="178462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apture rarity of non-common terms</a:t>
            </a:r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522263" y="2494506"/>
            <a:ext cx="11163300" cy="9270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600" dirty="0">
                <a:solidFill>
                  <a:schemeClr val="bg1">
                    <a:lumMod val="75000"/>
                  </a:schemeClr>
                </a:solidFill>
              </a:rPr>
              <a:t>Term rarity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552902" y="931123"/>
            <a:ext cx="11669737" cy="178462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Dissimilarity of unique terms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Rectangle 6"/>
              <p:cNvSpPr/>
              <p:nvPr/>
            </p:nvSpPr>
            <p:spPr>
              <a:xfrm>
                <a:off x="3427339" y="1394538"/>
                <a:ext cx="4793620" cy="36933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begChr m:val=""/>
                          <m:ctrlPr>
                            <a:rPr lang="en-SG" i="1" smtClean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𝐽𝑎𝑐𝑐𝑎𝑟𝑑𝐷𝑖𝑠𝑡</m:t>
                          </m:r>
                          <m:d>
                            <m:d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=1−</m:t>
                          </m:r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𝐽𝑎𝑐𝑐𝑎𝑟𝑑𝑆𝑖𝑚</m:t>
                          </m:r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(</m:t>
                          </m:r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7" name="Rectangle 6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27339" y="1394538"/>
                <a:ext cx="4793620" cy="369332"/>
              </a:xfrm>
              <a:prstGeom prst="rect">
                <a:avLst/>
              </a:prstGeom>
              <a:blipFill>
                <a:blip r:embed="rId3"/>
                <a:stretch>
                  <a:fillRect t="-121667" r="-10165" b="-188333"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8" name="Rectangle 7"/>
              <p:cNvSpPr/>
              <p:nvPr/>
            </p:nvSpPr>
            <p:spPr>
              <a:xfrm>
                <a:off x="4232335" y="1842740"/>
                <a:ext cx="3183627" cy="673133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n-SG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J</m:t>
                      </m:r>
                      <m:r>
                        <m:rPr>
                          <m:sty m:val="p"/>
                        </m:rPr>
                        <a:rPr lang="en-SG" i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accardSim</m:t>
                      </m:r>
                      <m:d>
                        <m:d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sty m:val="p"/>
                                </m:rP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S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m:rPr>
                                  <m:sty m:val="p"/>
                                </m:rP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S</m:t>
                              </m:r>
                            </m:e>
                            <m: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  <m:r>
                        <a:rPr lang="en-SG" i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>
                        <m:f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d>
                            <m:dPr>
                              <m:begChr m:val="|"/>
                              <m:endChr m:val="|"/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m:rPr>
                                      <m:sty m:val="p"/>
                                    </m:rP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S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∩</m:t>
                              </m:r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m:rPr>
                                      <m:sty m:val="p"/>
                                    </m:rP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S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</m:num>
                        <m:den>
                          <m:d>
                            <m:dPr>
                              <m:begChr m:val="|"/>
                              <m:endChr m:val="|"/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m:rPr>
                                      <m:sty m:val="p"/>
                                    </m:rP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S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SG" i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∪</m:t>
                              </m:r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m:rPr>
                                      <m:sty m:val="p"/>
                                    </m:rP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S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</m:den>
                      </m:f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8" name="Rectangle 7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232335" y="1842740"/>
                <a:ext cx="3183627" cy="673133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9" name="Rectangle 8"/>
              <p:cNvSpPr/>
              <p:nvPr/>
            </p:nvSpPr>
            <p:spPr>
              <a:xfrm>
                <a:off x="4034228" y="3567765"/>
                <a:ext cx="3505703" cy="674672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SG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𝑖𝑑𝑓</m:t>
                      </m:r>
                      <m:d>
                        <m:d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𝑡</m:t>
                              </m:r>
                            </m:e>
                            <m:sub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</m:t>
                              </m:r>
                            </m:sub>
                          </m:sSub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𝐷</m:t>
                          </m:r>
                        </m:e>
                      </m:d>
                      <m:r>
                        <a:rPr lang="en-SG" i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unc>
                        <m:func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log</m:t>
                          </m:r>
                        </m:fName>
                        <m:e>
                          <m:f>
                            <m:f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d>
                                <m:dPr>
                                  <m:begChr m:val="|"/>
                                  <m:endChr m:val="|"/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𝐷</m:t>
                                  </m:r>
                                </m:e>
                              </m:d>
                            </m:num>
                            <m:den>
                              <m:d>
                                <m:dPr>
                                  <m:begChr m:val="{"/>
                                  <m:endChr m:val="}"/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d>
                                    <m:dPr>
                                      <m:begChr m:val="|"/>
                                      <m:endChr m:val="|"/>
                                      <m:ctrlP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dPr>
                                    <m:e>
                                      <m: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𝑑</m:t>
                                      </m:r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∈ </m:t>
                                      </m:r>
                                      <m: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𝐷</m:t>
                                      </m:r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:</m:t>
                                      </m:r>
                                      <m:sSub>
                                        <m:sSubPr>
                                          <m:ctrlP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</m:ctrlPr>
                                        </m:sSubPr>
                                        <m:e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𝑡</m:t>
                                          </m:r>
                                        </m:e>
                                        <m:sub>
                                          <m:r>
                                            <a:rPr lang="en-SG" i="1">
                                              <a:solidFill>
                                                <a:schemeClr val="bg1">
                                                  <a:lumMod val="75000"/>
                                                </a:schemeClr>
                                              </a:solidFill>
                                              <a:latin typeface="Cambria Math" panose="02040503050406030204" pitchFamily="18" charset="0"/>
                                            </a:rPr>
                                            <m:t>𝑖</m:t>
                                          </m:r>
                                        </m:sub>
                                      </m:sSub>
                                      <m:r>
                                        <a:rPr lang="en-SG" i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∈ </m:t>
                                      </m:r>
                                      <m:r>
                                        <a:rPr lang="en-SG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𝑑</m:t>
                                      </m:r>
                                    </m:e>
                                  </m:d>
                                </m:e>
                              </m:d>
                            </m:den>
                          </m:f>
                        </m:e>
                      </m:func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9" name="Rectangle 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34228" y="3567765"/>
                <a:ext cx="3505703" cy="674672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Rectangle 9"/>
              <p:cNvSpPr/>
              <p:nvPr/>
            </p:nvSpPr>
            <p:spPr>
              <a:xfrm>
                <a:off x="4034228" y="4327469"/>
                <a:ext cx="3375989" cy="491673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𝑇𝑅</m:t>
                      </m:r>
                      <m:r>
                        <a:rPr lang="en-US" b="0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func>
                        <m:funcPr>
                          <m:ctrlPr>
                            <a:rPr lang="en-US" b="0" i="1" smtClean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limLow>
                            <m:limLowPr>
                              <m:ctrlP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limLowPr>
                            <m:e>
                              <m:r>
                                <m:rPr>
                                  <m:sty m:val="p"/>
                                </m:rPr>
                                <a:rPr lang="en-US" b="0" i="0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max</m:t>
                              </m:r>
                            </m:e>
                            <m:lim>
                              <m: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𝑎</m:t>
                              </m:r>
                              <m: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∈</m:t>
                              </m:r>
                              <m:d>
                                <m:dPr>
                                  <m:ctrlP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𝑆</m:t>
                                      </m:r>
                                    </m:e>
                                    <m:sub>
                                      <m: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∪</m:t>
                                  </m:r>
                                  <m:sSub>
                                    <m:sSubPr>
                                      <m:ctrlP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𝑆</m:t>
                                      </m:r>
                                    </m:e>
                                    <m:sub>
                                      <m:r>
                                        <a:rPr lang="en-US" b="0" i="1" smtClean="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e>
                              </m:d>
                              <m: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\</m:t>
                              </m:r>
                              <m:r>
                                <m:rPr>
                                  <m:lit/>
                                </m:rP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(</m:t>
                              </m:r>
                              <m:sSub>
                                <m:sSubPr>
                                  <m:ctrlP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  <m: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∩</m:t>
                              </m:r>
                              <m:sSub>
                                <m:sSubPr>
                                  <m:ctrlP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  <m:r>
                                <a:rPr lang="en-US" b="0" i="1" smtClean="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)</m:t>
                              </m:r>
                            </m:lim>
                          </m:limLow>
                        </m:fName>
                        <m:e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𝑖𝑑𝑓</m:t>
                          </m:r>
                          <m:d>
                            <m:d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b="0" i="1" smtClean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𝑎</m:t>
                                  </m:r>
                                </m:e>
                                <m:sub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𝑖</m:t>
                                  </m:r>
                                </m:sub>
                              </m:sSub>
                              <m:r>
                                <a:rPr lang="en-SG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,</m:t>
                              </m:r>
                              <m: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𝐷</m:t>
                              </m:r>
                            </m:e>
                          </m:d>
                        </m:e>
                      </m:func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10" name="Rectangle 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034228" y="4327469"/>
                <a:ext cx="3375989" cy="491673"/>
              </a:xfrm>
              <a:prstGeom prst="rect">
                <a:avLst/>
              </a:prstGeom>
              <a:blipFill>
                <a:blip r:embed="rId6"/>
                <a:stretch>
                  <a:fillRect b="-6173"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Title 1"/>
          <p:cNvSpPr txBox="1">
            <a:spLocks/>
          </p:cNvSpPr>
          <p:nvPr/>
        </p:nvSpPr>
        <p:spPr>
          <a:xfrm>
            <a:off x="674663" y="4805349"/>
            <a:ext cx="11163300" cy="927099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3600" dirty="0">
                <a:solidFill>
                  <a:schemeClr val="bg1">
                    <a:lumMod val="75000"/>
                  </a:schemeClr>
                </a:solidFill>
              </a:rPr>
              <a:t>Sequence length differenc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Rectangle 12"/>
              <p:cNvSpPr/>
              <p:nvPr/>
            </p:nvSpPr>
            <p:spPr>
              <a:xfrm>
                <a:off x="4388964" y="5608878"/>
                <a:ext cx="3936334" cy="411395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b="0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𝑙</m:t>
                      </m:r>
                      <m:sSub>
                        <m:sSubPr>
                          <m:ctrlPr>
                            <a:rPr lang="en-US" b="0" i="1" smtClean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b="0" i="1" smtClean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𝑑</m:t>
                          </m:r>
                        </m:e>
                        <m:sub>
                          <m:r>
                            <a:rPr lang="en-US" b="0" i="1" smtClean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𝑖𝑗</m:t>
                          </m:r>
                        </m:sub>
                      </m:sSub>
                      <m:r>
                        <a:rPr lang="en-US" b="0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  <m:r>
                        <a:rPr lang="en-SG" i="1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𝑎𝑏𝑠</m:t>
                      </m:r>
                      <m:d>
                        <m:dPr>
                          <m:ctrlP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𝑙𝑒𝑛𝑔𝑡h</m:t>
                          </m:r>
                          <m:d>
                            <m:d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</m:e>
                          </m:d>
                          <m:r>
                            <a:rPr lang="en-SG" i="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SG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𝑙𝑒𝑛𝑔𝑡h</m:t>
                          </m:r>
                          <m:d>
                            <m:dPr>
                              <m:ctrlPr>
                                <a:rPr lang="en-SG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i="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</m:e>
                      </m:d>
                    </m:oMath>
                  </m:oMathPara>
                </a14:m>
                <a:endParaRPr lang="en-SG" dirty="0">
                  <a:solidFill>
                    <a:schemeClr val="bg1">
                      <a:lumMod val="75000"/>
                    </a:schemeClr>
                  </a:solidFill>
                </a:endParaRPr>
              </a:p>
            </p:txBody>
          </p:sp>
        </mc:Choice>
        <mc:Fallback xmlns="">
          <p:sp>
            <p:nvSpPr>
              <p:cNvPr id="13" name="Rectangle 12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388964" y="5608878"/>
                <a:ext cx="3936334" cy="411395"/>
              </a:xfrm>
              <a:prstGeom prst="rect">
                <a:avLst/>
              </a:prstGeom>
              <a:blipFill>
                <a:blip r:embed="rId7"/>
                <a:stretch>
                  <a:fillRect b="-7353"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729489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lust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ffinity propagation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airwise similarity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equence length difference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Jaccard distance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Common word order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nverse document frequenc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3</a:t>
            </a:fld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TextBox 5"/>
              <p:cNvSpPr txBox="1"/>
              <p:nvPr/>
            </p:nvSpPr>
            <p:spPr>
              <a:xfrm>
                <a:off x="1539627" y="4149377"/>
                <a:ext cx="9635008" cy="139179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SG" sz="2400" i="1" smtClean="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𝑑𝑖𝑠𝑡</m:t>
                      </m:r>
                      <m:d>
                        <m:d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=</m:t>
                      </m:r>
                    </m:oMath>
                    <m:oMath xmlns:m="http://schemas.openxmlformats.org/officeDocument/2006/math">
                      <m:sSub>
                        <m:sSub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SG" sz="2400" i="1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𝐽𝑎𝑐𝑐𝑎𝑟𝑑𝐷𝑖𝑠𝑡</m:t>
                      </m:r>
                      <m:d>
                        <m:d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SG" sz="2400" i="1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𝐶𝑊𝑂</m:t>
                      </m:r>
                      <m:d>
                        <m:d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𝑆</m:t>
                              </m:r>
                            </m:e>
                            <m:sub>
                              <m:r>
                                <a:rPr lang="en-SG" sz="2400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</m:e>
                      </m:d>
                    </m:oMath>
                    <m:oMath xmlns:m="http://schemas.openxmlformats.org/officeDocument/2006/math"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func>
                        <m:func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funcPr>
                        <m:fName>
                          <m:r>
                            <m:rPr>
                              <m:sty m:val="p"/>
                            </m:rP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max</m:t>
                          </m:r>
                        </m:fName>
                        <m:e>
                          <m:d>
                            <m:d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  <m:t>𝑖𝑑</m:t>
                              </m:r>
                              <m:sSub>
                                <m:sSubPr>
                                  <m:ctrlP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𝑓</m:t>
                                  </m:r>
                                </m:e>
                                <m:sub>
                                  <m:sSub>
                                    <m:sSubPr>
                                      <m:ctrlP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𝑡</m:t>
                                      </m:r>
                                    </m:e>
                                    <m:sub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𝑗</m:t>
                                      </m:r>
                                    </m:sub>
                                  </m:sSub>
                                  <m:r>
                                    <a:rPr lang="en-SG" sz="240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∉</m:t>
                                  </m:r>
                                  <m:sSub>
                                    <m:sSubPr>
                                      <m:ctrlP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𝑆</m:t>
                                      </m:r>
                                    </m:e>
                                    <m:sub>
                                      <m:r>
                                        <a:rPr lang="en-SG" sz="240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1</m:t>
                                      </m:r>
                                    </m:sub>
                                  </m:sSub>
                                  <m:r>
                                    <a:rPr lang="en-SG" sz="240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∩</m:t>
                                  </m:r>
                                  <m:sSub>
                                    <m:sSubPr>
                                      <m:ctrlP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𝑆</m:t>
                                      </m:r>
                                    </m:e>
                                    <m:sub>
                                      <m:r>
                                        <a:rPr lang="en-SG" sz="2400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2</m:t>
                                      </m:r>
                                    </m:sub>
                                  </m:sSub>
                                </m:sub>
                              </m:sSub>
                              <m:d>
                                <m:dPr>
                                  <m:ctrlP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dPr>
                                <m:e>
                                  <m:sSub>
                                    <m:sSubPr>
                                      <m:ctrlP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</m:ctrlPr>
                                    </m:sSubPr>
                                    <m:e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𝑡</m:t>
                                      </m:r>
                                    </m:e>
                                    <m:sub>
                                      <m:r>
                                        <a:rPr lang="en-SG" sz="2400" i="1">
                                          <a:solidFill>
                                            <a:schemeClr val="bg1">
                                              <a:lumMod val="75000"/>
                                            </a:schemeClr>
                                          </a:solidFill>
                                          <a:latin typeface="Cambria Math" panose="02040503050406030204" pitchFamily="18" charset="0"/>
                                        </a:rPr>
                                        <m:t>𝑗</m:t>
                                      </m:r>
                                    </m:sub>
                                  </m:sSub>
                                  <m:r>
                                    <a:rPr lang="en-SG" sz="240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,</m:t>
                                  </m:r>
                                  <m: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𝐷</m:t>
                                  </m:r>
                                </m:e>
                              </m:d>
                            </m:e>
                          </m:d>
                        </m:e>
                      </m:func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+</m:t>
                      </m:r>
                      <m:sSub>
                        <m:sSub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𝑤</m:t>
                          </m:r>
                        </m:e>
                        <m:sub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  <m:r>
                        <a:rPr lang="en-SG" sz="2400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∗</m:t>
                      </m:r>
                      <m:r>
                        <a:rPr lang="en-SG" sz="2400" i="1">
                          <a:solidFill>
                            <a:schemeClr val="bg1">
                              <a:lumMod val="75000"/>
                            </a:schemeClr>
                          </a:solidFill>
                          <a:latin typeface="Cambria Math" panose="02040503050406030204" pitchFamily="18" charset="0"/>
                        </a:rPr>
                        <m:t>𝑎𝑏𝑠</m:t>
                      </m:r>
                      <m:d>
                        <m:dPr>
                          <m:ctrlP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𝑙𝑒𝑛𝑔𝑡h</m:t>
                          </m:r>
                          <m:d>
                            <m:d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sz="240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</m:sSub>
                            </m:e>
                          </m:d>
                          <m:r>
                            <a:rPr lang="en-SG" sz="2400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−</m:t>
                          </m:r>
                          <m:r>
                            <a:rPr lang="en-SG" sz="2400" i="1">
                              <a:solidFill>
                                <a:schemeClr val="bg1">
                                  <a:lumMod val="75000"/>
                                </a:schemeClr>
                              </a:solidFill>
                              <a:latin typeface="Cambria Math" panose="02040503050406030204" pitchFamily="18" charset="0"/>
                            </a:rPr>
                            <m:t>𝑙𝑒𝑛𝑔𝑡h</m:t>
                          </m:r>
                          <m:d>
                            <m:dPr>
                              <m:ctrlPr>
                                <a:rPr lang="en-SG" sz="2400" i="1">
                                  <a:solidFill>
                                    <a:schemeClr val="bg1">
                                      <a:lumMod val="75000"/>
                                    </a:schemeClr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sSub>
                                <m:sSubPr>
                                  <m:ctrlP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SG" sz="2400" i="1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𝑆</m:t>
                                  </m:r>
                                </m:e>
                                <m:sub>
                                  <m:r>
                                    <a:rPr lang="en-SG" sz="2400">
                                      <a:solidFill>
                                        <a:schemeClr val="bg1">
                                          <a:lumMod val="75000"/>
                                        </a:schemeClr>
                                      </a:solidFill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</m:sSub>
                            </m:e>
                          </m:d>
                        </m:e>
                      </m:d>
                    </m:oMath>
                  </m:oMathPara>
                </a14:m>
                <a:endParaRPr lang="en-SG" sz="2400" dirty="0"/>
              </a:p>
            </p:txBody>
          </p:sp>
        </mc:Choice>
        <mc:Fallback xmlns="">
          <p:sp>
            <p:nvSpPr>
              <p:cNvPr id="6" name="TextBox 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9627" y="4149377"/>
                <a:ext cx="9635008" cy="1391791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SG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85370841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ost-Cluster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equential pattern mining</a:t>
            </a:r>
            <a:r>
              <a:rPr lang="en-US" baseline="30000" dirty="0">
                <a:solidFill>
                  <a:schemeClr val="bg1">
                    <a:lumMod val="75000"/>
                  </a:schemeClr>
                </a:solidFill>
              </a:rPr>
              <a:t>1</a:t>
            </a: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 to summarize cluster for descriptive label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Merging cluster with similar semantics</a:t>
            </a:r>
            <a:r>
              <a:rPr lang="en-US" baseline="30000" dirty="0">
                <a:solidFill>
                  <a:schemeClr val="bg1">
                    <a:lumMod val="75000"/>
                  </a:schemeClr>
                </a:solidFill>
              </a:rPr>
              <a:t>2</a:t>
            </a:r>
          </a:p>
          <a:p>
            <a:pPr lvl="1"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Bypass order of actions between delimiters</a:t>
            </a:r>
          </a:p>
          <a:p>
            <a:pPr marL="0" indent="0">
              <a:buClr>
                <a:srgbClr val="99FF33"/>
              </a:buClr>
              <a:buNone/>
            </a:pPr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marL="0" indent="0" algn="ctr">
              <a:buClr>
                <a:srgbClr val="99FF33"/>
              </a:buClr>
              <a:buNone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ction sequence archetype (ASA) ↔ Cluster</a:t>
            </a:r>
            <a:r>
              <a:rPr lang="en-US" dirty="0">
                <a:solidFill>
                  <a:schemeClr val="bg2">
                    <a:lumMod val="25000"/>
                  </a:schemeClr>
                </a:solidFill>
              </a:rPr>
              <a:t>__________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2368940" y="5873116"/>
            <a:ext cx="7976381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aseline="30000" dirty="0">
                <a:solidFill>
                  <a:schemeClr val="bg1">
                    <a:lumMod val="75000"/>
                  </a:schemeClr>
                </a:solidFill>
              </a:rPr>
              <a:t>1</a:t>
            </a:r>
            <a:r>
              <a:rPr lang="en-US" sz="12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Hu, Y. H., Wu, F., &amp; Liao, Y. J. (2013). An efficient tree-based algorithm for mining sequential patterns with multiple minimum supports. Journal of Systems and Software, 86(5), 1224-1238.</a:t>
            </a:r>
          </a:p>
          <a:p>
            <a:r>
              <a:rPr lang="en-US" sz="1200" baseline="30000" dirty="0">
                <a:solidFill>
                  <a:schemeClr val="bg1">
                    <a:lumMod val="75000"/>
                  </a:schemeClr>
                </a:solidFill>
              </a:rPr>
              <a:t>2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SG" sz="1200" dirty="0" err="1">
                <a:solidFill>
                  <a:schemeClr val="bg1">
                    <a:lumMod val="75000"/>
                  </a:schemeClr>
                </a:solidFill>
              </a:rPr>
              <a:t>Southavilay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, V., </a:t>
            </a:r>
            <a:r>
              <a:rPr lang="en-SG" sz="1200" dirty="0" err="1">
                <a:solidFill>
                  <a:schemeClr val="bg1">
                    <a:lumMod val="75000"/>
                  </a:schemeClr>
                </a:solidFill>
              </a:rPr>
              <a:t>Markauskaite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, L., &amp; Jacobson, M. (2013, July). From" Events" to" Activities": Creating Abstraction Techniques for Mining Students' Model-Based Inquiry Processes. In Educational Data Mining 2013.</a:t>
            </a:r>
            <a:endParaRPr lang="en-US" sz="12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7227593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equential Pattern Mining</a:t>
            </a:r>
            <a:endParaRPr lang="en-US" baseline="30000" dirty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endParaRPr lang="en-US" sz="1000" dirty="0">
              <a:solidFill>
                <a:schemeClr val="bg1">
                  <a:lumMod val="75000"/>
                </a:schemeClr>
              </a:solidFill>
            </a:endParaRPr>
          </a:p>
          <a:p>
            <a:pPr marL="0" indent="0">
              <a:buNone/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P Clustering</a:t>
            </a:r>
          </a:p>
          <a:p>
            <a:pPr lvl="1"/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lvl="1"/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lvl="1"/>
            <a:endParaRPr lang="en-US" dirty="0">
              <a:solidFill>
                <a:schemeClr val="bg1">
                  <a:lumMod val="75000"/>
                </a:schemeClr>
              </a:solidFill>
            </a:endParaRPr>
          </a:p>
          <a:p>
            <a:pPr lvl="1"/>
            <a:endParaRPr lang="en-US" sz="900" dirty="0">
              <a:solidFill>
                <a:schemeClr val="bg1">
                  <a:lumMod val="75000"/>
                </a:schemeClr>
              </a:solidFill>
            </a:endParaRPr>
          </a:p>
          <a:p>
            <a:pPr lvl="1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Further filter by semantic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Discussion</a:t>
            </a:r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2320621"/>
              </p:ext>
            </p:extLst>
          </p:nvPr>
        </p:nvGraphicFramePr>
        <p:xfrm>
          <a:off x="1141838" y="1934442"/>
          <a:ext cx="5179690" cy="1125219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952818">
                  <a:extLst>
                    <a:ext uri="{9D8B030D-6E8A-4147-A177-3AD203B41FA5}">
                      <a16:colId xmlns:a16="http://schemas.microsoft.com/office/drawing/2014/main" val="3411115390"/>
                    </a:ext>
                  </a:extLst>
                </a:gridCol>
                <a:gridCol w="784542">
                  <a:extLst>
                    <a:ext uri="{9D8B030D-6E8A-4147-A177-3AD203B41FA5}">
                      <a16:colId xmlns:a16="http://schemas.microsoft.com/office/drawing/2014/main" val="1841054548"/>
                    </a:ext>
                  </a:extLst>
                </a:gridCol>
                <a:gridCol w="1237615">
                  <a:extLst>
                    <a:ext uri="{9D8B030D-6E8A-4147-A177-3AD203B41FA5}">
                      <a16:colId xmlns:a16="http://schemas.microsoft.com/office/drawing/2014/main" val="3575322512"/>
                    </a:ext>
                  </a:extLst>
                </a:gridCol>
                <a:gridCol w="1489075">
                  <a:extLst>
                    <a:ext uri="{9D8B030D-6E8A-4147-A177-3AD203B41FA5}">
                      <a16:colId xmlns:a16="http://schemas.microsoft.com/office/drawing/2014/main" val="2233891143"/>
                    </a:ext>
                  </a:extLst>
                </a:gridCol>
                <a:gridCol w="715640">
                  <a:extLst>
                    <a:ext uri="{9D8B030D-6E8A-4147-A177-3AD203B41FA5}">
                      <a16:colId xmlns:a16="http://schemas.microsoft.com/office/drawing/2014/main" val="2523335011"/>
                    </a:ext>
                  </a:extLst>
                </a:gridCol>
              </a:tblGrid>
              <a:tr h="3750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Vide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ructur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Unstructur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MCQ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68770369"/>
                  </a:ext>
                </a:extLst>
              </a:tr>
              <a:tr h="375073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hase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3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7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44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86260398"/>
                  </a:ext>
                </a:extLst>
              </a:tr>
              <a:tr h="375073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hase I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9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2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52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960625273"/>
                  </a:ext>
                </a:extLst>
              </a:tr>
            </a:tbl>
          </a:graphicData>
        </a:graphic>
      </p:graphicFrame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02992578"/>
              </p:ext>
            </p:extLst>
          </p:nvPr>
        </p:nvGraphicFramePr>
        <p:xfrm>
          <a:off x="1141839" y="3797534"/>
          <a:ext cx="5492251" cy="1115906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1066620">
                  <a:extLst>
                    <a:ext uri="{9D8B030D-6E8A-4147-A177-3AD203B41FA5}">
                      <a16:colId xmlns:a16="http://schemas.microsoft.com/office/drawing/2014/main" val="3411115390"/>
                    </a:ext>
                  </a:extLst>
                </a:gridCol>
                <a:gridCol w="784542">
                  <a:extLst>
                    <a:ext uri="{9D8B030D-6E8A-4147-A177-3AD203B41FA5}">
                      <a16:colId xmlns:a16="http://schemas.microsoft.com/office/drawing/2014/main" val="1841054548"/>
                    </a:ext>
                  </a:extLst>
                </a:gridCol>
                <a:gridCol w="1237615">
                  <a:extLst>
                    <a:ext uri="{9D8B030D-6E8A-4147-A177-3AD203B41FA5}">
                      <a16:colId xmlns:a16="http://schemas.microsoft.com/office/drawing/2014/main" val="3575322512"/>
                    </a:ext>
                  </a:extLst>
                </a:gridCol>
                <a:gridCol w="1489075">
                  <a:extLst>
                    <a:ext uri="{9D8B030D-6E8A-4147-A177-3AD203B41FA5}">
                      <a16:colId xmlns:a16="http://schemas.microsoft.com/office/drawing/2014/main" val="2233891143"/>
                    </a:ext>
                  </a:extLst>
                </a:gridCol>
                <a:gridCol w="914399">
                  <a:extLst>
                    <a:ext uri="{9D8B030D-6E8A-4147-A177-3AD203B41FA5}">
                      <a16:colId xmlns:a16="http://schemas.microsoft.com/office/drawing/2014/main" val="2523335011"/>
                    </a:ext>
                  </a:extLst>
                </a:gridCol>
              </a:tblGrid>
              <a:tr h="339515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Vide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ructur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Unstructur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MCQ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68770369"/>
                  </a:ext>
                </a:extLst>
              </a:tr>
              <a:tr h="375073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hase 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8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9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0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86260398"/>
                  </a:ext>
                </a:extLst>
              </a:tr>
              <a:tr h="375073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hase I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9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960625273"/>
                  </a:ext>
                </a:extLst>
              </a:tr>
            </a:tbl>
          </a:graphicData>
        </a:graphic>
      </p:graphicFrame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42291052"/>
              </p:ext>
            </p:extLst>
          </p:nvPr>
        </p:nvGraphicFramePr>
        <p:xfrm>
          <a:off x="1141839" y="5609612"/>
          <a:ext cx="4781550" cy="750146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1270318">
                  <a:extLst>
                    <a:ext uri="{9D8B030D-6E8A-4147-A177-3AD203B41FA5}">
                      <a16:colId xmlns:a16="http://schemas.microsoft.com/office/drawing/2014/main" val="3411115390"/>
                    </a:ext>
                  </a:extLst>
                </a:gridCol>
                <a:gridCol w="784542">
                  <a:extLst>
                    <a:ext uri="{9D8B030D-6E8A-4147-A177-3AD203B41FA5}">
                      <a16:colId xmlns:a16="http://schemas.microsoft.com/office/drawing/2014/main" val="1841054548"/>
                    </a:ext>
                  </a:extLst>
                </a:gridCol>
                <a:gridCol w="1237615">
                  <a:extLst>
                    <a:ext uri="{9D8B030D-6E8A-4147-A177-3AD203B41FA5}">
                      <a16:colId xmlns:a16="http://schemas.microsoft.com/office/drawing/2014/main" val="3575322512"/>
                    </a:ext>
                  </a:extLst>
                </a:gridCol>
                <a:gridCol w="1489075">
                  <a:extLst>
                    <a:ext uri="{9D8B030D-6E8A-4147-A177-3AD203B41FA5}">
                      <a16:colId xmlns:a16="http://schemas.microsoft.com/office/drawing/2014/main" val="2233891143"/>
                    </a:ext>
                  </a:extLst>
                </a:gridCol>
              </a:tblGrid>
              <a:tr h="375073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Video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ructure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Unstructur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68770369"/>
                  </a:ext>
                </a:extLst>
              </a:tr>
              <a:tr h="375073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Phase I &amp; II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5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086260398"/>
                  </a:ext>
                </a:extLst>
              </a:tr>
            </a:tbl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71156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Early Prediction of Stop-out</a:t>
            </a:r>
          </a:p>
        </p:txBody>
      </p:sp>
      <p:graphicFrame>
        <p:nvGraphicFramePr>
          <p:cNvPr id="3" name="Content Placeholder 2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87015824"/>
              </p:ext>
            </p:extLst>
          </p:nvPr>
        </p:nvGraphicFramePr>
        <p:xfrm>
          <a:off x="1031430" y="2629141"/>
          <a:ext cx="3627065" cy="193701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1506746">
                  <a:extLst>
                    <a:ext uri="{9D8B030D-6E8A-4147-A177-3AD203B41FA5}">
                      <a16:colId xmlns:a16="http://schemas.microsoft.com/office/drawing/2014/main" val="3516665862"/>
                    </a:ext>
                  </a:extLst>
                </a:gridCol>
                <a:gridCol w="1117115">
                  <a:extLst>
                    <a:ext uri="{9D8B030D-6E8A-4147-A177-3AD203B41FA5}">
                      <a16:colId xmlns:a16="http://schemas.microsoft.com/office/drawing/2014/main" val="1644954747"/>
                    </a:ext>
                  </a:extLst>
                </a:gridCol>
                <a:gridCol w="1003204">
                  <a:extLst>
                    <a:ext uri="{9D8B030D-6E8A-4147-A177-3AD203B41FA5}">
                      <a16:colId xmlns:a16="http://schemas.microsoft.com/office/drawing/2014/main" val="185258189"/>
                    </a:ext>
                  </a:extLst>
                </a:gridCol>
              </a:tblGrid>
              <a:tr h="309506">
                <a:tc>
                  <a:txBody>
                    <a:bodyPr/>
                    <a:lstStyle/>
                    <a:p>
                      <a:endParaRPr lang="en-SG" sz="1600" dirty="0">
                        <a:effectLst/>
                        <a:latin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 grid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Accuracy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41676873"/>
                  </a:ext>
                </a:extLst>
              </a:tr>
              <a:tr h="521917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Activity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Stop-out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Persist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668488376"/>
                  </a:ext>
                </a:extLst>
              </a:tr>
              <a:tr h="368529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Structured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53.08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55.23%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737077"/>
                  </a:ext>
                </a:extLst>
              </a:tr>
              <a:tr h="368529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Unstructured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54.56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69.81%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302299574"/>
                  </a:ext>
                </a:extLst>
              </a:tr>
              <a:tr h="368529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MCQ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0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91.84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174053862"/>
                  </a:ext>
                </a:extLst>
              </a:tr>
            </a:tbl>
          </a:graphicData>
        </a:graphic>
      </p:graphicFrame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07384049"/>
              </p:ext>
            </p:extLst>
          </p:nvPr>
        </p:nvGraphicFramePr>
        <p:xfrm>
          <a:off x="5407497" y="1790845"/>
          <a:ext cx="5738298" cy="3310170"/>
        </p:xfrm>
        <a:graphic>
          <a:graphicData uri="http://schemas.openxmlformats.org/drawingml/2006/table">
            <a:tbl>
              <a:tblPr firstRow="1" firstCol="1" bandRow="1">
                <a:tableStyleId>{93296810-A885-4BE3-A3E7-6D5BEEA58F35}</a:tableStyleId>
              </a:tblPr>
              <a:tblGrid>
                <a:gridCol w="1409175">
                  <a:extLst>
                    <a:ext uri="{9D8B030D-6E8A-4147-A177-3AD203B41FA5}">
                      <a16:colId xmlns:a16="http://schemas.microsoft.com/office/drawing/2014/main" val="1196841287"/>
                    </a:ext>
                  </a:extLst>
                </a:gridCol>
                <a:gridCol w="1409175">
                  <a:extLst>
                    <a:ext uri="{9D8B030D-6E8A-4147-A177-3AD203B41FA5}">
                      <a16:colId xmlns:a16="http://schemas.microsoft.com/office/drawing/2014/main" val="2814576835"/>
                    </a:ext>
                  </a:extLst>
                </a:gridCol>
                <a:gridCol w="1459974">
                  <a:extLst>
                    <a:ext uri="{9D8B030D-6E8A-4147-A177-3AD203B41FA5}">
                      <a16:colId xmlns:a16="http://schemas.microsoft.com/office/drawing/2014/main" val="133766996"/>
                    </a:ext>
                  </a:extLst>
                </a:gridCol>
                <a:gridCol w="1459974">
                  <a:extLst>
                    <a:ext uri="{9D8B030D-6E8A-4147-A177-3AD203B41FA5}">
                      <a16:colId xmlns:a16="http://schemas.microsoft.com/office/drawing/2014/main" val="1717965135"/>
                    </a:ext>
                  </a:extLst>
                </a:gridCol>
              </a:tblGrid>
              <a:tr h="597670">
                <a:tc gridSpan="4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Logistic Regression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3242379623"/>
                  </a:ext>
                </a:extLst>
              </a:tr>
              <a:tr h="59767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Variable Set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Variables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Accuracy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Kappa Statistics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659313823"/>
                  </a:ext>
                </a:extLst>
              </a:tr>
              <a:tr h="303432">
                <a:tc rowSpan="3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Score-based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Structured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48.00%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-0.06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918792965"/>
                  </a:ext>
                </a:extLst>
              </a:tr>
              <a:tr h="597670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Structured + Unstructured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66.67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0.43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1193905188"/>
                  </a:ext>
                </a:extLst>
              </a:tr>
              <a:tr h="303432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MCQ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100.00%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1.00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4221478627"/>
                  </a:ext>
                </a:extLst>
              </a:tr>
              <a:tr h="303432">
                <a:tc rowSpan="3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Sequence-based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Videos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75.00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0.48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2503013552"/>
                  </a:ext>
                </a:extLst>
              </a:tr>
              <a:tr h="303432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Structured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81.48%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0.61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1085023253"/>
                  </a:ext>
                </a:extLst>
              </a:tr>
              <a:tr h="303432">
                <a:tc vMerge="1">
                  <a:txBody>
                    <a:bodyPr/>
                    <a:lstStyle/>
                    <a:p>
                      <a:endParaRPr lang="en-SG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Unstructured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</a:rPr>
                        <a:t>81.82%</a:t>
                      </a:r>
                      <a:endParaRPr lang="en-SG" sz="16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tc>
                  <a:txBody>
                    <a:bodyPr/>
                    <a:lstStyle/>
                    <a:p>
                      <a:pPr algn="r"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</a:rPr>
                        <a:t>0.63</a:t>
                      </a:r>
                      <a:endParaRPr lang="en-SG" sz="1600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3810" marB="3810" anchor="ctr"/>
                </a:tc>
                <a:extLst>
                  <a:ext uri="{0D108BD9-81ED-4DB2-BD59-A6C34878D82A}">
                    <a16:rowId xmlns:a16="http://schemas.microsoft.com/office/drawing/2014/main" val="3862971089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975955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ASA Diagnosis</a:t>
            </a:r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522263" y="1428137"/>
            <a:ext cx="11669737" cy="5442480"/>
          </a:xfrm>
        </p:spPr>
        <p:txBody>
          <a:bodyPr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tudents who initiated videos tend to go further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n structured activity (</a:t>
            </a:r>
            <a:r>
              <a:rPr lang="en-US" dirty="0" err="1">
                <a:solidFill>
                  <a:schemeClr val="bg1">
                    <a:lumMod val="75000"/>
                  </a:schemeClr>
                </a:solidFill>
              </a:rPr>
              <a:t>scaffolded</a:t>
            </a: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), students who display schematic variants progress further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n unstructured activity, students who fall back onto scripts are more perseverant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921430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>
          <a:xfrm>
            <a:off x="0" y="931279"/>
            <a:ext cx="12192000" cy="3123736"/>
          </a:xfrm>
        </p:spPr>
        <p:txBody>
          <a:bodyPr lIns="1260000" rIns="1260000" bIns="540000">
            <a:normAutofit/>
          </a:bodyPr>
          <a:lstStyle/>
          <a:p>
            <a:pPr>
              <a:buClr>
                <a:srgbClr val="99FF33"/>
              </a:buClr>
            </a:pPr>
            <a:r>
              <a:rPr lang="en-US" sz="4800" dirty="0">
                <a:solidFill>
                  <a:schemeClr val="bg1">
                    <a:lumMod val="75000"/>
                  </a:schemeClr>
                </a:solidFill>
              </a:rPr>
              <a:t>Now that we know the different approaches student use,</a:t>
            </a:r>
            <a:br>
              <a:rPr lang="en-US" sz="4800" dirty="0">
                <a:solidFill>
                  <a:schemeClr val="bg1">
                    <a:lumMod val="75000"/>
                  </a:schemeClr>
                </a:solidFill>
              </a:rPr>
            </a:br>
            <a:r>
              <a:rPr lang="en-US" sz="4800" dirty="0">
                <a:solidFill>
                  <a:schemeClr val="bg1">
                    <a:lumMod val="75000"/>
                  </a:schemeClr>
                </a:solidFill>
              </a:rPr>
              <a:t>what do we do next?</a:t>
            </a:r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>
          <a:xfrm>
            <a:off x="1744393" y="4385606"/>
            <a:ext cx="9144000" cy="1037492"/>
          </a:xfrm>
        </p:spPr>
        <p:txBody>
          <a:bodyPr/>
          <a:lstStyle/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Kelvin H R Ng | Kevin Hartman | Kai Liu | Andy W H Khong</a:t>
            </a:r>
          </a:p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Nanyang Technological University</a:t>
            </a:r>
            <a:endParaRPr lang="en-SG" dirty="0">
              <a:solidFill>
                <a:schemeClr val="bg1">
                  <a:lumMod val="75000"/>
                </a:schemeClr>
              </a:solidFill>
            </a:endParaRPr>
          </a:p>
        </p:txBody>
      </p:sp>
      <p:cxnSp>
        <p:nvCxnSpPr>
          <p:cNvPr id="7" name="Straight Connector 6"/>
          <p:cNvCxnSpPr/>
          <p:nvPr/>
        </p:nvCxnSpPr>
        <p:spPr>
          <a:xfrm>
            <a:off x="3080823" y="4220310"/>
            <a:ext cx="6471139" cy="0"/>
          </a:xfrm>
          <a:prstGeom prst="line">
            <a:avLst/>
          </a:prstGeom>
          <a:ln w="25400">
            <a:solidFill>
              <a:srgbClr val="66FF3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64600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ingapore Math – Second Grade Subtraction</a:t>
            </a:r>
          </a:p>
        </p:txBody>
      </p:sp>
      <p:grpSp>
        <p:nvGrpSpPr>
          <p:cNvPr id="14" name="Group 13" hidden="1"/>
          <p:cNvGrpSpPr/>
          <p:nvPr/>
        </p:nvGrpSpPr>
        <p:grpSpPr>
          <a:xfrm>
            <a:off x="2068794" y="2990237"/>
            <a:ext cx="5054600" cy="2146300"/>
            <a:chOff x="2068794" y="2990237"/>
            <a:chExt cx="5054600" cy="2146300"/>
          </a:xfrm>
        </p:grpSpPr>
        <p:sp>
          <p:nvSpPr>
            <p:cNvPr id="8" name="Rectangle 7"/>
            <p:cNvSpPr/>
            <p:nvPr/>
          </p:nvSpPr>
          <p:spPr>
            <a:xfrm>
              <a:off x="2068794" y="2990237"/>
              <a:ext cx="5054600" cy="362563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9" name="Rectangle 8"/>
            <p:cNvSpPr/>
            <p:nvPr/>
          </p:nvSpPr>
          <p:spPr>
            <a:xfrm>
              <a:off x="2068794" y="4773974"/>
              <a:ext cx="5054600" cy="362563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15" name="TextBox 14"/>
          <p:cNvSpPr txBox="1"/>
          <p:nvPr/>
        </p:nvSpPr>
        <p:spPr>
          <a:xfrm>
            <a:off x="2270689" y="1428137"/>
            <a:ext cx="7387661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Question:</a:t>
            </a:r>
          </a:p>
          <a:p>
            <a:r>
              <a:rPr lang="en-US" sz="2400" dirty="0" err="1">
                <a:solidFill>
                  <a:schemeClr val="bg1">
                    <a:lumMod val="75000"/>
                  </a:schemeClr>
                </a:solidFill>
              </a:rPr>
              <a:t>Mr</a:t>
            </a:r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 Chew has 39 Mathematics workbooks on his table. He has 3 fewer English workbooks than Mathematics workbooks on his table. How many English workbooks are there?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grpSp>
        <p:nvGrpSpPr>
          <p:cNvPr id="34" name="Group 33"/>
          <p:cNvGrpSpPr/>
          <p:nvPr/>
        </p:nvGrpSpPr>
        <p:grpSpPr>
          <a:xfrm>
            <a:off x="3474455" y="3202259"/>
            <a:ext cx="4168212" cy="2221131"/>
            <a:chOff x="2270688" y="3286161"/>
            <a:chExt cx="4168212" cy="2221131"/>
          </a:xfrm>
        </p:grpSpPr>
        <p:grpSp>
          <p:nvGrpSpPr>
            <p:cNvPr id="33" name="Group 32"/>
            <p:cNvGrpSpPr/>
            <p:nvPr/>
          </p:nvGrpSpPr>
          <p:grpSpPr>
            <a:xfrm>
              <a:off x="2270688" y="3286161"/>
              <a:ext cx="4168212" cy="2221131"/>
              <a:chOff x="2270688" y="3286161"/>
              <a:chExt cx="4168212" cy="2221131"/>
            </a:xfrm>
          </p:grpSpPr>
          <p:grpSp>
            <p:nvGrpSpPr>
              <p:cNvPr id="13" name="Group 12"/>
              <p:cNvGrpSpPr/>
              <p:nvPr/>
            </p:nvGrpSpPr>
            <p:grpSpPr>
              <a:xfrm>
                <a:off x="3793059" y="3286161"/>
                <a:ext cx="2579316" cy="2221131"/>
                <a:chOff x="4278594" y="2990237"/>
                <a:chExt cx="2579316" cy="2221131"/>
              </a:xfrm>
            </p:grpSpPr>
            <p:sp>
              <p:nvSpPr>
                <p:cNvPr id="10" name="TextBox 9"/>
                <p:cNvSpPr txBox="1"/>
                <p:nvPr/>
              </p:nvSpPr>
              <p:spPr>
                <a:xfrm>
                  <a:off x="4343400" y="2990237"/>
                  <a:ext cx="589568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2400" dirty="0">
                      <a:solidFill>
                        <a:schemeClr val="bg1">
                          <a:lumMod val="75000"/>
                        </a:schemeClr>
                      </a:solidFill>
                    </a:rPr>
                    <a:t>39</a:t>
                  </a:r>
                  <a:endParaRPr lang="en-SG" sz="2400" dirty="0">
                    <a:solidFill>
                      <a:schemeClr val="bg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11" name="TextBox 10"/>
                <p:cNvSpPr txBox="1"/>
                <p:nvPr/>
              </p:nvSpPr>
              <p:spPr>
                <a:xfrm>
                  <a:off x="6438810" y="4198087"/>
                  <a:ext cx="419100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2400" dirty="0">
                      <a:solidFill>
                        <a:schemeClr val="bg1">
                          <a:lumMod val="75000"/>
                        </a:schemeClr>
                      </a:solidFill>
                    </a:rPr>
                    <a:t>3</a:t>
                  </a:r>
                  <a:endParaRPr lang="en-SG" sz="2400" dirty="0">
                    <a:solidFill>
                      <a:schemeClr val="bg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12" name="TextBox 11"/>
                <p:cNvSpPr txBox="1"/>
                <p:nvPr/>
              </p:nvSpPr>
              <p:spPr>
                <a:xfrm>
                  <a:off x="4278594" y="4749703"/>
                  <a:ext cx="419100" cy="461665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r>
                    <a:rPr lang="en-US" sz="2400" dirty="0">
                      <a:solidFill>
                        <a:schemeClr val="accent1"/>
                      </a:solidFill>
                    </a:rPr>
                    <a:t>?</a:t>
                  </a:r>
                  <a:endParaRPr lang="en-SG" sz="2400" dirty="0">
                    <a:solidFill>
                      <a:schemeClr val="accent1"/>
                    </a:solidFill>
                  </a:endParaRPr>
                </a:p>
              </p:txBody>
            </p:sp>
          </p:grpSp>
          <p:cxnSp>
            <p:nvCxnSpPr>
              <p:cNvPr id="19" name="Straight Arrow Connector 18"/>
              <p:cNvCxnSpPr/>
              <p:nvPr/>
            </p:nvCxnSpPr>
            <p:spPr>
              <a:xfrm>
                <a:off x="5791200" y="4914900"/>
                <a:ext cx="647700" cy="0"/>
              </a:xfrm>
              <a:prstGeom prst="straightConnector1">
                <a:avLst/>
              </a:prstGeom>
              <a:ln w="19050"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3" name="Straight Arrow Connector 22"/>
              <p:cNvCxnSpPr/>
              <p:nvPr/>
            </p:nvCxnSpPr>
            <p:spPr>
              <a:xfrm>
                <a:off x="2270689" y="5136537"/>
                <a:ext cx="3520511" cy="0"/>
              </a:xfrm>
              <a:prstGeom prst="straightConnector1">
                <a:avLst/>
              </a:prstGeom>
              <a:ln w="19050"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5" name="Straight Arrow Connector 24"/>
              <p:cNvCxnSpPr/>
              <p:nvPr/>
            </p:nvCxnSpPr>
            <p:spPr>
              <a:xfrm>
                <a:off x="2270688" y="3702612"/>
                <a:ext cx="4168212" cy="6963"/>
              </a:xfrm>
              <a:prstGeom prst="straightConnector1">
                <a:avLst/>
              </a:prstGeom>
              <a:ln w="19050"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cxnSp>
          <p:nvCxnSpPr>
            <p:cNvPr id="28" name="Straight Connector 27"/>
            <p:cNvCxnSpPr/>
            <p:nvPr/>
          </p:nvCxnSpPr>
          <p:spPr>
            <a:xfrm>
              <a:off x="6438900" y="4305300"/>
              <a:ext cx="0" cy="609600"/>
            </a:xfrm>
            <a:prstGeom prst="line">
              <a:avLst/>
            </a:prstGeom>
            <a:ln w="15875">
              <a:solidFill>
                <a:schemeClr val="bg1">
                  <a:lumMod val="75000"/>
                </a:schemeClr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2" name="Group 31"/>
          <p:cNvGrpSpPr/>
          <p:nvPr/>
        </p:nvGrpSpPr>
        <p:grpSpPr>
          <a:xfrm>
            <a:off x="2369256" y="3783248"/>
            <a:ext cx="5273411" cy="1145981"/>
            <a:chOff x="1165489" y="3867150"/>
            <a:chExt cx="5273411" cy="1145981"/>
          </a:xfrm>
        </p:grpSpPr>
        <p:sp>
          <p:nvSpPr>
            <p:cNvPr id="16" name="Rectangle 15"/>
            <p:cNvSpPr/>
            <p:nvPr/>
          </p:nvSpPr>
          <p:spPr>
            <a:xfrm>
              <a:off x="2270689" y="3867150"/>
              <a:ext cx="4168211" cy="438150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17" name="Rectangle 16"/>
            <p:cNvSpPr/>
            <p:nvPr/>
          </p:nvSpPr>
          <p:spPr>
            <a:xfrm>
              <a:off x="2270689" y="4517105"/>
              <a:ext cx="3520511" cy="412124"/>
            </a:xfrm>
            <a:prstGeom prst="rect">
              <a:avLst/>
            </a:prstGeom>
            <a:solidFill>
              <a:schemeClr val="bg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1165490" y="3867940"/>
              <a:ext cx="110519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bg1">
                      <a:lumMod val="75000"/>
                    </a:schemeClr>
                  </a:solidFill>
                </a:rPr>
                <a:t>Math</a:t>
              </a:r>
              <a:endParaRPr lang="en-SG" sz="2400" dirty="0">
                <a:solidFill>
                  <a:schemeClr val="bg1">
                    <a:lumMod val="75000"/>
                  </a:schemeClr>
                </a:solidFill>
              </a:endParaRPr>
            </a:p>
          </p:txBody>
        </p:sp>
        <p:sp>
          <p:nvSpPr>
            <p:cNvPr id="31" name="TextBox 30"/>
            <p:cNvSpPr txBox="1"/>
            <p:nvPr/>
          </p:nvSpPr>
          <p:spPr>
            <a:xfrm>
              <a:off x="1165489" y="4551466"/>
              <a:ext cx="1105198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bg1">
                      <a:lumMod val="75000"/>
                    </a:schemeClr>
                  </a:solidFill>
                </a:rPr>
                <a:t>English</a:t>
              </a:r>
              <a:endParaRPr lang="en-SG" sz="2400" dirty="0">
                <a:solidFill>
                  <a:schemeClr val="bg1">
                    <a:lumMod val="75000"/>
                  </a:schemeClr>
                </a:solidFill>
              </a:endParaRPr>
            </a:p>
          </p:txBody>
        </p:sp>
      </p:grpSp>
      <p:sp>
        <p:nvSpPr>
          <p:cNvPr id="35" name="Slide Number Placeholder 3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2271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Singapore Math – Second Grade Multiplication</a:t>
            </a:r>
          </a:p>
        </p:txBody>
      </p:sp>
      <p:grpSp>
        <p:nvGrpSpPr>
          <p:cNvPr id="14" name="Group 13" hidden="1"/>
          <p:cNvGrpSpPr/>
          <p:nvPr/>
        </p:nvGrpSpPr>
        <p:grpSpPr>
          <a:xfrm>
            <a:off x="2068794" y="2990237"/>
            <a:ext cx="5054600" cy="2146300"/>
            <a:chOff x="2068794" y="2990237"/>
            <a:chExt cx="5054600" cy="2146300"/>
          </a:xfrm>
        </p:grpSpPr>
        <p:sp>
          <p:nvSpPr>
            <p:cNvPr id="8" name="Rectangle 7"/>
            <p:cNvSpPr/>
            <p:nvPr/>
          </p:nvSpPr>
          <p:spPr>
            <a:xfrm>
              <a:off x="2068794" y="2990237"/>
              <a:ext cx="5054600" cy="362563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9" name="Rectangle 8"/>
            <p:cNvSpPr/>
            <p:nvPr/>
          </p:nvSpPr>
          <p:spPr>
            <a:xfrm>
              <a:off x="2068794" y="4773974"/>
              <a:ext cx="5054600" cy="362563"/>
            </a:xfrm>
            <a:prstGeom prst="rect">
              <a:avLst/>
            </a:prstGeom>
            <a:solidFill>
              <a:schemeClr val="bg2">
                <a:lumMod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15" name="TextBox 14"/>
          <p:cNvSpPr txBox="1"/>
          <p:nvPr/>
        </p:nvSpPr>
        <p:spPr>
          <a:xfrm>
            <a:off x="2270689" y="1428137"/>
            <a:ext cx="7387661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Question:</a:t>
            </a:r>
          </a:p>
          <a:p>
            <a:r>
              <a:rPr lang="en-US" sz="2400" dirty="0">
                <a:solidFill>
                  <a:schemeClr val="bg1">
                    <a:lumMod val="75000"/>
                  </a:schemeClr>
                </a:solidFill>
              </a:rPr>
              <a:t>There are 5 plates of food. Each plate has 3 pies. How many pies are there altogether?</a:t>
            </a:r>
            <a:endParaRPr lang="en-SG" sz="2400" dirty="0">
              <a:solidFill>
                <a:schemeClr val="bg1">
                  <a:lumMod val="75000"/>
                </a:schemeClr>
              </a:solidFill>
            </a:endParaRP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24696376"/>
              </p:ext>
            </p:extLst>
          </p:nvPr>
        </p:nvGraphicFramePr>
        <p:xfrm>
          <a:off x="2270689" y="3161592"/>
          <a:ext cx="6796195" cy="370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59239">
                  <a:extLst>
                    <a:ext uri="{9D8B030D-6E8A-4147-A177-3AD203B41FA5}">
                      <a16:colId xmlns:a16="http://schemas.microsoft.com/office/drawing/2014/main" val="1117768276"/>
                    </a:ext>
                  </a:extLst>
                </a:gridCol>
                <a:gridCol w="1359239">
                  <a:extLst>
                    <a:ext uri="{9D8B030D-6E8A-4147-A177-3AD203B41FA5}">
                      <a16:colId xmlns:a16="http://schemas.microsoft.com/office/drawing/2014/main" val="3218664942"/>
                    </a:ext>
                  </a:extLst>
                </a:gridCol>
                <a:gridCol w="1359239">
                  <a:extLst>
                    <a:ext uri="{9D8B030D-6E8A-4147-A177-3AD203B41FA5}">
                      <a16:colId xmlns:a16="http://schemas.microsoft.com/office/drawing/2014/main" val="2532304980"/>
                    </a:ext>
                  </a:extLst>
                </a:gridCol>
                <a:gridCol w="1359239">
                  <a:extLst>
                    <a:ext uri="{9D8B030D-6E8A-4147-A177-3AD203B41FA5}">
                      <a16:colId xmlns:a16="http://schemas.microsoft.com/office/drawing/2014/main" val="1675721754"/>
                    </a:ext>
                  </a:extLst>
                </a:gridCol>
                <a:gridCol w="1359239">
                  <a:extLst>
                    <a:ext uri="{9D8B030D-6E8A-4147-A177-3AD203B41FA5}">
                      <a16:colId xmlns:a16="http://schemas.microsoft.com/office/drawing/2014/main" val="423309095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SG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SG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SG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SG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SG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30606536"/>
                  </a:ext>
                </a:extLst>
              </a:tr>
            </a:tbl>
          </a:graphicData>
        </a:graphic>
      </p:graphicFrame>
      <p:grpSp>
        <p:nvGrpSpPr>
          <p:cNvPr id="18" name="Group 17"/>
          <p:cNvGrpSpPr/>
          <p:nvPr/>
        </p:nvGrpSpPr>
        <p:grpSpPr>
          <a:xfrm>
            <a:off x="2261080" y="2613749"/>
            <a:ext cx="6805804" cy="1584521"/>
            <a:chOff x="2261080" y="2613749"/>
            <a:chExt cx="6805804" cy="1584521"/>
          </a:xfrm>
        </p:grpSpPr>
        <p:sp>
          <p:nvSpPr>
            <p:cNvPr id="12" name="TextBox 11"/>
            <p:cNvSpPr txBox="1"/>
            <p:nvPr/>
          </p:nvSpPr>
          <p:spPr>
            <a:xfrm>
              <a:off x="5459236" y="2613749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?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  <p:cxnSp>
          <p:nvCxnSpPr>
            <p:cNvPr id="23" name="Straight Arrow Connector 22"/>
            <p:cNvCxnSpPr/>
            <p:nvPr/>
          </p:nvCxnSpPr>
          <p:spPr>
            <a:xfrm>
              <a:off x="2261080" y="3712444"/>
              <a:ext cx="1387077" cy="0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Arrow Connector 24"/>
            <p:cNvCxnSpPr/>
            <p:nvPr/>
          </p:nvCxnSpPr>
          <p:spPr>
            <a:xfrm flipV="1">
              <a:off x="2270689" y="3034078"/>
              <a:ext cx="6796195" cy="4962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TextBox 28"/>
            <p:cNvSpPr txBox="1"/>
            <p:nvPr/>
          </p:nvSpPr>
          <p:spPr>
            <a:xfrm>
              <a:off x="2745069" y="3736605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3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  <p:cxnSp>
          <p:nvCxnSpPr>
            <p:cNvPr id="35" name="Straight Arrow Connector 34"/>
            <p:cNvCxnSpPr/>
            <p:nvPr/>
          </p:nvCxnSpPr>
          <p:spPr>
            <a:xfrm flipV="1">
              <a:off x="3648157" y="3711864"/>
              <a:ext cx="1347873" cy="2707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TextBox 35"/>
            <p:cNvSpPr txBox="1"/>
            <p:nvPr/>
          </p:nvSpPr>
          <p:spPr>
            <a:xfrm>
              <a:off x="4123947" y="3725588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3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  <p:cxnSp>
          <p:nvCxnSpPr>
            <p:cNvPr id="37" name="Straight Arrow Connector 36"/>
            <p:cNvCxnSpPr/>
            <p:nvPr/>
          </p:nvCxnSpPr>
          <p:spPr>
            <a:xfrm flipV="1">
              <a:off x="4996030" y="3706876"/>
              <a:ext cx="1335994" cy="4988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TextBox 37"/>
            <p:cNvSpPr txBox="1"/>
            <p:nvPr/>
          </p:nvSpPr>
          <p:spPr>
            <a:xfrm>
              <a:off x="5480791" y="3704326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3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  <p:cxnSp>
          <p:nvCxnSpPr>
            <p:cNvPr id="39" name="Straight Arrow Connector 38"/>
            <p:cNvCxnSpPr/>
            <p:nvPr/>
          </p:nvCxnSpPr>
          <p:spPr>
            <a:xfrm flipV="1">
              <a:off x="6332024" y="3699203"/>
              <a:ext cx="1368939" cy="4966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TextBox 39"/>
            <p:cNvSpPr txBox="1"/>
            <p:nvPr/>
          </p:nvSpPr>
          <p:spPr>
            <a:xfrm>
              <a:off x="6806404" y="3699203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3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  <p:cxnSp>
          <p:nvCxnSpPr>
            <p:cNvPr id="41" name="Straight Arrow Connector 40"/>
            <p:cNvCxnSpPr/>
            <p:nvPr/>
          </p:nvCxnSpPr>
          <p:spPr>
            <a:xfrm flipV="1">
              <a:off x="7700963" y="3690577"/>
              <a:ext cx="1365921" cy="5920"/>
            </a:xfrm>
            <a:prstGeom prst="straightConnector1">
              <a:avLst/>
            </a:prstGeom>
            <a:ln w="19050"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2" name="TextBox 41"/>
            <p:cNvSpPr txBox="1"/>
            <p:nvPr/>
          </p:nvSpPr>
          <p:spPr>
            <a:xfrm>
              <a:off x="8151369" y="3690577"/>
              <a:ext cx="4191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2400" dirty="0">
                  <a:solidFill>
                    <a:schemeClr val="accent1"/>
                  </a:solidFill>
                </a:rPr>
                <a:t>3</a:t>
              </a:r>
              <a:endParaRPr lang="en-SG" sz="2400" dirty="0">
                <a:solidFill>
                  <a:schemeClr val="accent1"/>
                </a:solidFill>
              </a:endParaRPr>
            </a:p>
          </p:txBody>
        </p:sp>
      </p:grpSp>
      <p:sp>
        <p:nvSpPr>
          <p:cNvPr id="49" name="Slide Number Placeholder 4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22568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RIGHT</a:t>
            </a:r>
            <a:r>
              <a:rPr lang="en-US" baseline="30000" dirty="0">
                <a:solidFill>
                  <a:schemeClr val="bg1">
                    <a:lumMod val="75000"/>
                  </a:schemeClr>
                </a:solidFill>
              </a:rPr>
              <a:t>1</a:t>
            </a:r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550069"/>
              </p:ext>
            </p:extLst>
          </p:nvPr>
        </p:nvGraphicFramePr>
        <p:xfrm>
          <a:off x="3926645" y="1428137"/>
          <a:ext cx="4354536" cy="464648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2349305" y="6441532"/>
            <a:ext cx="797638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aseline="30000" dirty="0">
                <a:solidFill>
                  <a:schemeClr val="bg1">
                    <a:lumMod val="75000"/>
                  </a:schemeClr>
                </a:solidFill>
              </a:rPr>
              <a:t>1</a:t>
            </a:r>
            <a:r>
              <a:rPr lang="en-US" sz="12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SG" sz="1200" dirty="0" err="1">
                <a:solidFill>
                  <a:schemeClr val="bg1">
                    <a:lumMod val="75000"/>
                  </a:schemeClr>
                </a:solidFill>
              </a:rPr>
              <a:t>Polya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, George. How to solve it: A new aspect of mathematical method. Princeton university press, 2014.</a:t>
            </a:r>
            <a:endParaRPr lang="en-US" sz="1200" baseline="300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632459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22263" y="501038"/>
            <a:ext cx="11163300" cy="927099"/>
          </a:xfrm>
        </p:spPr>
        <p:txBody>
          <a:bodyPr/>
          <a:lstStyle/>
          <a:p>
            <a:pPr algn="ctr"/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Objectiv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927654" y="1428137"/>
            <a:ext cx="8612660" cy="3205647"/>
          </a:xfrm>
        </p:spPr>
        <p:txBody>
          <a:bodyPr anchor="t">
            <a:normAutofit/>
          </a:bodyPr>
          <a:lstStyle/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Identifying problem solving approaches</a:t>
            </a:r>
          </a:p>
          <a:p>
            <a:pPr>
              <a:buClr>
                <a:srgbClr val="99FF33"/>
              </a:buClr>
            </a:pPr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Differentiating schematic and script-like process</a:t>
            </a:r>
          </a:p>
        </p:txBody>
      </p:sp>
      <p:graphicFrame>
        <p:nvGraphicFramePr>
          <p:cNvPr id="6" name="Diagram 5"/>
          <p:cNvGraphicFramePr/>
          <p:nvPr>
            <p:extLst/>
          </p:nvPr>
        </p:nvGraphicFramePr>
        <p:xfrm>
          <a:off x="1282853" y="2530535"/>
          <a:ext cx="9902262" cy="38148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0" y="6345385"/>
            <a:ext cx="1219199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aseline="30000" dirty="0">
                <a:solidFill>
                  <a:schemeClr val="bg1">
                    <a:lumMod val="75000"/>
                  </a:schemeClr>
                </a:solidFill>
              </a:rPr>
              <a:t>1</a:t>
            </a:r>
            <a:r>
              <a:rPr lang="en-US" sz="1200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Abelson, R. P. (1981). Psychological status of the script concept. American psychologist, 36(7), 715.</a:t>
            </a:r>
          </a:p>
          <a:p>
            <a:r>
              <a:rPr lang="en-US" sz="1200" baseline="30000" dirty="0">
                <a:solidFill>
                  <a:schemeClr val="bg1">
                    <a:lumMod val="75000"/>
                  </a:schemeClr>
                </a:solidFill>
              </a:rPr>
              <a:t>2</a:t>
            </a:r>
            <a:r>
              <a:rPr lang="en-US" sz="1200" i="1" dirty="0">
                <a:solidFill>
                  <a:schemeClr val="bg1">
                    <a:lumMod val="75000"/>
                  </a:schemeClr>
                </a:solidFill>
              </a:rPr>
              <a:t> </a:t>
            </a:r>
            <a:r>
              <a:rPr lang="en-SG" sz="1200" dirty="0" err="1">
                <a:solidFill>
                  <a:schemeClr val="bg1">
                    <a:lumMod val="75000"/>
                  </a:schemeClr>
                </a:solidFill>
              </a:rPr>
              <a:t>Rumelhart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, D. and Ortony, A.(1979). The representation of knowledge in memory. Representation and understanding: Studies in cognitive science (</a:t>
            </a:r>
            <a:r>
              <a:rPr lang="en-SG" sz="1200" dirty="0" err="1">
                <a:solidFill>
                  <a:schemeClr val="bg1">
                    <a:lumMod val="75000"/>
                  </a:schemeClr>
                </a:solidFill>
              </a:rPr>
              <a:t>Bobrow</a:t>
            </a:r>
            <a:r>
              <a:rPr lang="en-SG" sz="1200" dirty="0">
                <a:solidFill>
                  <a:schemeClr val="bg1">
                    <a:lumMod val="75000"/>
                  </a:schemeClr>
                </a:solidFill>
              </a:rPr>
              <a:t>, DG, and Collins, A.(Eds.)), 211-236.</a:t>
            </a:r>
            <a:endParaRPr lang="en-US" sz="1200" baseline="300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644567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67719" t="22303" r="791" b="27174"/>
          <a:stretch/>
        </p:blipFill>
        <p:spPr>
          <a:xfrm>
            <a:off x="630195" y="1181819"/>
            <a:ext cx="10512038" cy="5174531"/>
          </a:xfrm>
          <a:prstGeom prst="rect">
            <a:avLst/>
          </a:prstGeom>
        </p:spPr>
      </p:pic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289912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3"/>
          <a:srcRect l="67680" t="22206" r="52" b="26173"/>
          <a:stretch/>
        </p:blipFill>
        <p:spPr>
          <a:xfrm>
            <a:off x="630195" y="1181819"/>
            <a:ext cx="10542630" cy="5174531"/>
          </a:xfrm>
          <a:prstGeom prst="rect">
            <a:avLst/>
          </a:prstGeom>
        </p:spPr>
      </p:pic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7408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/>
          <a:srcRect l="67690" t="22079" r="126" b="26433"/>
          <a:stretch/>
        </p:blipFill>
        <p:spPr>
          <a:xfrm>
            <a:off x="630193" y="1181818"/>
            <a:ext cx="10542631" cy="5174532"/>
          </a:xfrm>
          <a:prstGeom prst="rect">
            <a:avLst/>
          </a:prstGeom>
        </p:spPr>
      </p:pic>
      <p:sp>
        <p:nvSpPr>
          <p:cNvPr id="8" name="Title 1"/>
          <p:cNvSpPr txBox="1">
            <a:spLocks/>
          </p:cNvSpPr>
          <p:nvPr/>
        </p:nvSpPr>
        <p:spPr>
          <a:xfrm>
            <a:off x="630195" y="499402"/>
            <a:ext cx="12128740" cy="682417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>
                <a:solidFill>
                  <a:schemeClr val="bg1">
                    <a:lumMod val="75000"/>
                  </a:schemeClr>
                </a:solidFill>
              </a:rPr>
              <a:t>Platform Desig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D9CCF67-7527-40EE-8643-010C93F27EC6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5050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2656</TotalTime>
  <Words>1084</Words>
  <Application>Microsoft Office PowerPoint</Application>
  <PresentationFormat>Widescreen</PresentationFormat>
  <Paragraphs>333</Paragraphs>
  <Slides>28</Slides>
  <Notes>24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8</vt:i4>
      </vt:variant>
    </vt:vector>
  </HeadingPairs>
  <TitlesOfParts>
    <vt:vector size="36" baseType="lpstr">
      <vt:lpstr>Arial</vt:lpstr>
      <vt:lpstr>Calibri</vt:lpstr>
      <vt:lpstr>Calibri Light</vt:lpstr>
      <vt:lpstr>Cambria Math</vt:lpstr>
      <vt:lpstr>Gadugi</vt:lpstr>
      <vt:lpstr>Times New Roman</vt:lpstr>
      <vt:lpstr>Office Theme</vt:lpstr>
      <vt:lpstr>1_Office Theme</vt:lpstr>
      <vt:lpstr>Diagnosis through  problem solving approaches</vt:lpstr>
      <vt:lpstr>Overview</vt:lpstr>
      <vt:lpstr>Singapore Math – Second Grade Subtraction</vt:lpstr>
      <vt:lpstr>Singapore Math – Second Grade Multiplication</vt:lpstr>
      <vt:lpstr>RIGHT1</vt:lpstr>
      <vt:lpstr>Objective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latform Design</vt:lpstr>
      <vt:lpstr>Platform Design</vt:lpstr>
      <vt:lpstr>PowerPoint Presentation</vt:lpstr>
      <vt:lpstr>Overview</vt:lpstr>
      <vt:lpstr>Data Collection</vt:lpstr>
      <vt:lpstr>Data Preprocessing</vt:lpstr>
      <vt:lpstr>Clustering</vt:lpstr>
      <vt:lpstr>Common word order</vt:lpstr>
      <vt:lpstr>Common word order</vt:lpstr>
      <vt:lpstr>Jaccard Distance</vt:lpstr>
      <vt:lpstr>Clustering</vt:lpstr>
      <vt:lpstr>Post-Clustering</vt:lpstr>
      <vt:lpstr>Discussion</vt:lpstr>
      <vt:lpstr>Early Prediction of Stop-out</vt:lpstr>
      <vt:lpstr>ASA Diagnosis</vt:lpstr>
      <vt:lpstr>Now that we know the different approaches student use, what do we do next?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AC Meeting Update</dc:title>
  <dc:creator>kel-pc</dc:creator>
  <cp:lastModifiedBy>kel-pc</cp:lastModifiedBy>
  <cp:revision>140</cp:revision>
  <dcterms:created xsi:type="dcterms:W3CDTF">2016-05-04T08:01:59Z</dcterms:created>
  <dcterms:modified xsi:type="dcterms:W3CDTF">2016-06-28T07:37:05Z</dcterms:modified>
</cp:coreProperties>
</file>